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 filterPrivacy="1"/>
  <xr:revisionPtr revIDLastSave="0" documentId="13_ncr:1_{52353F20-CCC6-49C5-AA70-560B0B66C1C5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貸借対照表" sheetId="1" r:id="rId1"/>
    <sheet name="行政コスト計算書" sheetId="2" r:id="rId2"/>
    <sheet name="純資産変動計算書" sheetId="3" r:id="rId3"/>
    <sheet name="キャッシュフロー計算書" sheetId="4" r:id="rId4"/>
    <sheet name="有形固定資産等明細表" sheetId="5" r:id="rId5"/>
    <sheet name="注記" sheetId="7" r:id="rId6"/>
    <sheet name="引当金明細表" sheetId="6" r:id="rId7"/>
  </sheets>
  <externalReferences>
    <externalReference r:id="rId8"/>
    <externalReference r:id="rId9"/>
    <externalReference r:id="rId10"/>
    <externalReference r:id="rId11"/>
    <externalReference r:id="rId12"/>
    <externalReference r:id="rId13"/>
  </externalReferences>
  <definedNames>
    <definedName name="CTI番号">#REF!</definedName>
    <definedName name="DB型２">[1]リスト!$A$2:$A$4</definedName>
    <definedName name="FAX番号">#REF!</definedName>
    <definedName name="FDDW0012new">[2]リスト!$A$2:$A$4</definedName>
    <definedName name="fffff">[3]リスト!$A$2:$A$4</definedName>
    <definedName name="_xlnm.Print_Area" localSheetId="3">キャッシュフロー計算書!$A$1:$U$70</definedName>
    <definedName name="_xlnm.Print_Area" localSheetId="6">引当金明細表!$A$1:$O$20</definedName>
    <definedName name="_xlnm.Print_Area" localSheetId="1">行政コスト計算書!$A$1:$M$71</definedName>
    <definedName name="_xlnm.Print_Area" localSheetId="2">純資産変動計算書!$A$1:$N$68</definedName>
    <definedName name="_xlnm.Print_Area" localSheetId="0">貸借対照表!$A$1:$T$71</definedName>
    <definedName name="_xlnm.Print_Area" localSheetId="5">注記!$A$1:$D$39</definedName>
    <definedName name="_xlnm.Print_Area" localSheetId="4">有形固定資産等明細表!$A$1:$P$37</definedName>
    <definedName name="UI変更有無">#REF!</definedName>
    <definedName name="エスカレーション担当者">#REF!</definedName>
    <definedName name="エスカレーション日時">#REF!</definedName>
    <definedName name="オンライン障害">#REF!</definedName>
    <definedName name="カテゴリ１">#REF!</definedName>
    <definedName name="カテゴリ２">#REF!</definedName>
    <definedName name="カテゴリ３">#REF!</definedName>
    <definedName name="グループ">#REF!</definedName>
    <definedName name="ご連絡先">#REF!</definedName>
    <definedName name="チェックフラグ">#REF!</definedName>
    <definedName name="データパッチ">#REF!</definedName>
    <definedName name="プログラム修正">#REF!</definedName>
    <definedName name="リリース日">#REF!</definedName>
    <definedName name="運用SE受領日時">#REF!</definedName>
    <definedName name="運用SE担当者">#REF!</definedName>
    <definedName name="影響範囲">#REF!</definedName>
    <definedName name="画面ID">#REF!</definedName>
    <definedName name="画面名">#REF!</definedName>
    <definedName name="回復確認日時">#REF!</definedName>
    <definedName name="確認担当者">#REF!</definedName>
    <definedName name="勘定科目テーブル">[4]勘定科目!$A$7:$X$577</definedName>
    <definedName name="管理番号">#REF!</definedName>
    <definedName name="件名">#REF!</definedName>
    <definedName name="原因分類">#REF!</definedName>
    <definedName name="公開不可">#REF!</definedName>
    <definedName name="作業日時開始">#REF!</definedName>
    <definedName name="作業日時終了">#REF!</definedName>
    <definedName name="受付区分">#REF!</definedName>
    <definedName name="受付時間">#REF!</definedName>
    <definedName name="受付日">#REF!</definedName>
    <definedName name="受付日時">#REF!</definedName>
    <definedName name="収入未済">#REF!</definedName>
    <definedName name="所属">#REF!</definedName>
    <definedName name="詳細コード">#REF!</definedName>
    <definedName name="障害発生日時">#REF!</definedName>
    <definedName name="状態">#REF!</definedName>
    <definedName name="職員番号">#REF!</definedName>
    <definedName name="職員名">#REF!</definedName>
    <definedName name="切り分け完了日時">#REF!</definedName>
    <definedName name="切り分け担当者">#REF!</definedName>
    <definedName name="対応サブシステムコード">#REF!</definedName>
    <definedName name="対応サブシステム名">#REF!</definedName>
    <definedName name="対応システムコード">#REF!</definedName>
    <definedName name="対応システム名">#REF!</definedName>
    <definedName name="対応策">#REF!</definedName>
    <definedName name="対応策立案日時">#REF!</definedName>
    <definedName name="対応変更結果">#REF!</definedName>
    <definedName name="担当Ope">#REF!</definedName>
    <definedName name="担当者">#REF!</definedName>
    <definedName name="調査結果内容">#REF!</definedName>
    <definedName name="調査内容">#REF!</definedName>
    <definedName name="適用日">#REF!</definedName>
    <definedName name="電話番号">#REF!</definedName>
    <definedName name="内線">#REF!</definedName>
    <definedName name="納期設定">#REF!</definedName>
    <definedName name="表示金額単位">'[5]設定シート(概要版)'!$A$22:$A$27</definedName>
    <definedName name="表示金額単位先頭">'[5]設定シート(概要版)'!$A$22</definedName>
    <definedName name="表示金額単位表">'[5]設定シート(概要版)'!$A$22:$C$27</definedName>
    <definedName name="部署">#REF!</definedName>
    <definedName name="変更環境">#REF!</definedName>
    <definedName name="変更情報変更点">#REF!</definedName>
    <definedName name="変更内容">#REF!</definedName>
    <definedName name="凡例">[6]リスト!$B$2:$B$8</definedName>
    <definedName name="問合せ区分">#REF!</definedName>
    <definedName name="有り無し">[6]リスト!$A$2:$A$3</definedName>
    <definedName name="立案担当者">#REF!</definedName>
    <definedName name="連絡事項">#REF!</definedName>
  </definedNames>
  <calcPr calcId="162913" calcMode="manual"/>
</workbook>
</file>

<file path=xl/sharedStrings.xml><?xml version="1.0" encoding="utf-8"?>
<sst xmlns="http://schemas.openxmlformats.org/spreadsheetml/2006/main" count="323" uniqueCount="236">
  <si>
    <t>貸 借 対 照 表</t>
    <phoneticPr fontId="2"/>
  </si>
  <si>
    <t/>
  </si>
  <si>
    <t>（単位：円）</t>
    <phoneticPr fontId="2"/>
  </si>
  <si>
    <t>行 政 コ ス ト 計 算 書</t>
    <rPh sb="0" eb="1">
      <t>ギョウ</t>
    </rPh>
    <rPh sb="2" eb="3">
      <t>セイ</t>
    </rPh>
    <rPh sb="10" eb="11">
      <t>ケイ</t>
    </rPh>
    <rPh sb="12" eb="13">
      <t>サン</t>
    </rPh>
    <rPh sb="14" eb="15">
      <t>ショ</t>
    </rPh>
    <phoneticPr fontId="2"/>
  </si>
  <si>
    <t>純 資 産 変 動 計 算 書</t>
    <phoneticPr fontId="2"/>
  </si>
  <si>
    <t>年度</t>
  </si>
  <si>
    <t>：平成26年度</t>
    <phoneticPr fontId="2"/>
  </si>
  <si>
    <t>作成：平成27年12月24日</t>
    <phoneticPr fontId="2"/>
  </si>
  <si>
    <t>対象</t>
    <rPh sb="0" eb="2">
      <t>タイショウ</t>
    </rPh>
    <phoneticPr fontId="2"/>
  </si>
  <si>
    <t>：平成27年03月</t>
    <phoneticPr fontId="2"/>
  </si>
  <si>
    <t>会計</t>
  </si>
  <si>
    <t>：01</t>
  </si>
  <si>
    <t>一般会計</t>
  </si>
  <si>
    <t>区分</t>
  </si>
  <si>
    <t>累積余剰</t>
    <phoneticPr fontId="2"/>
  </si>
  <si>
    <t>評価・換算差額等</t>
    <phoneticPr fontId="2"/>
  </si>
  <si>
    <t>合計</t>
    <phoneticPr fontId="2"/>
  </si>
  <si>
    <t>前年度末残高</t>
    <rPh sb="0" eb="3">
      <t>ゼンネンド</t>
    </rPh>
    <phoneticPr fontId="2"/>
  </si>
  <si>
    <t>当年度変動額</t>
    <rPh sb="0" eb="1">
      <t>トウ</t>
    </rPh>
    <rPh sb="1" eb="3">
      <t>ネンド</t>
    </rPh>
    <rPh sb="3" eb="5">
      <t>ヘンドウ</t>
    </rPh>
    <phoneticPr fontId="2"/>
  </si>
  <si>
    <t>当年度末残高</t>
    <rPh sb="0" eb="1">
      <t>トウ</t>
    </rPh>
    <rPh sb="1" eb="3">
      <t>ネンド</t>
    </rPh>
    <phoneticPr fontId="2"/>
  </si>
  <si>
    <t>キ ャ ッ シ ュ ・ フ ロ ー 計 算 書</t>
    <phoneticPr fontId="2"/>
  </si>
  <si>
    <t>有 形 固 定 資 産 等 明 細 表</t>
    <phoneticPr fontId="2"/>
  </si>
  <si>
    <t>区分</t>
    <phoneticPr fontId="2"/>
  </si>
  <si>
    <t>前年度末残高</t>
    <rPh sb="0" eb="3">
      <t>ゼンネンド</t>
    </rPh>
    <rPh sb="3" eb="4">
      <t>マツ</t>
    </rPh>
    <rPh sb="4" eb="6">
      <t>ザンダカ</t>
    </rPh>
    <phoneticPr fontId="2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2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2"/>
  </si>
  <si>
    <t>当年度末残高</t>
    <rPh sb="3" eb="4">
      <t>マツ</t>
    </rPh>
    <rPh sb="4" eb="6">
      <t>ザンダカ</t>
    </rPh>
    <phoneticPr fontId="2"/>
  </si>
  <si>
    <t>当年度末減価償却累計額</t>
    <rPh sb="3" eb="4">
      <t>マツ</t>
    </rPh>
    <rPh sb="4" eb="6">
      <t>ゲンカ</t>
    </rPh>
    <rPh sb="6" eb="8">
      <t>ショウキャク</t>
    </rPh>
    <rPh sb="8" eb="10">
      <t>ルイケイ</t>
    </rPh>
    <rPh sb="10" eb="11">
      <t>ガク</t>
    </rPh>
    <phoneticPr fontId="2"/>
  </si>
  <si>
    <t>当年度償却額</t>
    <phoneticPr fontId="2"/>
  </si>
  <si>
    <t>差引当年度末残高</t>
    <rPh sb="0" eb="2">
      <t>サシヒキ</t>
    </rPh>
    <rPh sb="5" eb="6">
      <t>マツ</t>
    </rPh>
    <rPh sb="6" eb="8">
      <t>ザンダカ</t>
    </rPh>
    <phoneticPr fontId="2"/>
  </si>
  <si>
    <t>①</t>
    <phoneticPr fontId="2"/>
  </si>
  <si>
    <t>②</t>
    <phoneticPr fontId="2"/>
  </si>
  <si>
    <t>③</t>
    <phoneticPr fontId="2"/>
  </si>
  <si>
    <t>④＝①＋②－③</t>
    <phoneticPr fontId="2"/>
  </si>
  <si>
    <t>⑤</t>
    <phoneticPr fontId="2"/>
  </si>
  <si>
    <t>⑥</t>
    <phoneticPr fontId="2"/>
  </si>
  <si>
    <t>④－⑤</t>
    <phoneticPr fontId="2"/>
  </si>
  <si>
    <t>事業用資産</t>
  </si>
  <si>
    <t>有形事業用固定資産</t>
  </si>
  <si>
    <t>土地</t>
  </si>
  <si>
    <t>建物</t>
  </si>
  <si>
    <t>工作物</t>
  </si>
  <si>
    <t>立木竹</t>
  </si>
  <si>
    <t>船舶</t>
  </si>
  <si>
    <t>浮標等</t>
  </si>
  <si>
    <t>航空機</t>
  </si>
  <si>
    <t>無形事業用固定資産</t>
  </si>
  <si>
    <t>地上権等</t>
  </si>
  <si>
    <t>特許権等</t>
  </si>
  <si>
    <t>インフラ資産</t>
  </si>
  <si>
    <t>有形インフラ固定資産</t>
  </si>
  <si>
    <t>無形インフラ固定資産</t>
  </si>
  <si>
    <t>重要物品</t>
  </si>
  <si>
    <t>リース資産</t>
  </si>
  <si>
    <t>ソフトウェア</t>
  </si>
  <si>
    <t>建設仮勘定</t>
  </si>
  <si>
    <t>信託受益権</t>
  </si>
  <si>
    <t>合　　　　計</t>
    <phoneticPr fontId="2"/>
  </si>
  <si>
    <t>引 当 金 明 細 表</t>
    <phoneticPr fontId="2"/>
  </si>
  <si>
    <t>当年度末残高</t>
    <rPh sb="0" eb="1">
      <t>トウ</t>
    </rPh>
    <rPh sb="1" eb="3">
      <t>ネンド</t>
    </rPh>
    <rPh sb="3" eb="4">
      <t>マツ</t>
    </rPh>
    <rPh sb="4" eb="6">
      <t>ザンダカ</t>
    </rPh>
    <phoneticPr fontId="2"/>
  </si>
  <si>
    <t>目的使用</t>
    <rPh sb="0" eb="2">
      <t>モクテキ</t>
    </rPh>
    <rPh sb="2" eb="4">
      <t>シヨウ</t>
    </rPh>
    <phoneticPr fontId="2"/>
  </si>
  <si>
    <t>その他</t>
    <rPh sb="2" eb="3">
      <t>タ</t>
    </rPh>
    <phoneticPr fontId="2"/>
  </si>
  <si>
    <t>計</t>
    <rPh sb="0" eb="1">
      <t>ケイ</t>
    </rPh>
    <phoneticPr fontId="2"/>
  </si>
  <si>
    <t>貸倒引当金（流動：未収金）</t>
  </si>
  <si>
    <t>貸倒引当金（流動：基金）</t>
  </si>
  <si>
    <t>貸倒引当金（流動：短期貸付金）</t>
  </si>
  <si>
    <t>貸倒引当金（固定：基金）</t>
  </si>
  <si>
    <t>貸倒引当金（固定：長期貸付金）</t>
  </si>
  <si>
    <t>貸倒引当金（固定：その他）</t>
  </si>
  <si>
    <t>賞与引当金</t>
  </si>
  <si>
    <t>退職手当引当金</t>
  </si>
  <si>
    <t>損失補償等引当金</t>
  </si>
  <si>
    <t>合計</t>
    <rPh sb="0" eb="2">
      <t>ゴウケイ</t>
    </rPh>
    <phoneticPr fontId="2"/>
  </si>
  <si>
    <t>（令和3年3月31日）</t>
    <phoneticPr fontId="2"/>
  </si>
  <si>
    <t>ＩＲ推進局</t>
  </si>
  <si>
    <t>資産の部</t>
  </si>
  <si>
    <t>流動資産</t>
  </si>
  <si>
    <t>現金預金</t>
  </si>
  <si>
    <t>歳計現金</t>
  </si>
  <si>
    <t>歳入歳出外現金</t>
  </si>
  <si>
    <t>未収金</t>
  </si>
  <si>
    <t>貸倒引当金</t>
  </si>
  <si>
    <t>基金</t>
  </si>
  <si>
    <t>財政調整基金</t>
  </si>
  <si>
    <t>公債償還基金</t>
  </si>
  <si>
    <t>短期貸付金</t>
  </si>
  <si>
    <t>その他流動資産</t>
  </si>
  <si>
    <t>固定資産</t>
  </si>
  <si>
    <t>出資金</t>
  </si>
  <si>
    <t>有価証券</t>
  </si>
  <si>
    <t>出資による権利</t>
  </si>
  <si>
    <t>公営企業会計出資金</t>
  </si>
  <si>
    <t>その他基金</t>
  </si>
  <si>
    <t>長期貸付金</t>
  </si>
  <si>
    <t>その他債権</t>
  </si>
  <si>
    <t>負債の部</t>
  </si>
  <si>
    <t>流動負債</t>
  </si>
  <si>
    <t>地方債</t>
  </si>
  <si>
    <t>短期借入金</t>
  </si>
  <si>
    <t>他会計借入金</t>
  </si>
  <si>
    <t>その他短期借入金</t>
  </si>
  <si>
    <t>未払金</t>
  </si>
  <si>
    <t>還付未済金</t>
  </si>
  <si>
    <t>リース債務</t>
  </si>
  <si>
    <t>その他流動負債</t>
  </si>
  <si>
    <t>固定負債</t>
  </si>
  <si>
    <t>長期借入金</t>
  </si>
  <si>
    <t>その他長期借入金</t>
  </si>
  <si>
    <t>長期未払金</t>
  </si>
  <si>
    <t>その他固定負債</t>
  </si>
  <si>
    <t>負債の部合計</t>
  </si>
  <si>
    <t>純資産の部</t>
  </si>
  <si>
    <t>累積余剰</t>
  </si>
  <si>
    <t>評価・換算差額等</t>
  </si>
  <si>
    <t>その他有価証券評価差額金</t>
  </si>
  <si>
    <t>資産の部合計</t>
  </si>
  <si>
    <t>純資産の部合計</t>
  </si>
  <si>
    <t>負債及び純資産の部合計</t>
  </si>
  <si>
    <t>（自令和2年4月1日　至令和3年3月31日）</t>
    <phoneticPr fontId="2"/>
  </si>
  <si>
    <t>経常収益</t>
  </si>
  <si>
    <t>市税</t>
  </si>
  <si>
    <t>地方譲与税</t>
  </si>
  <si>
    <t>交付金</t>
  </si>
  <si>
    <t>地方特例交付金</t>
  </si>
  <si>
    <t>地方交付税</t>
  </si>
  <si>
    <t>保険料</t>
  </si>
  <si>
    <t>分担金及び負担金</t>
  </si>
  <si>
    <t>使用料及び手数料</t>
  </si>
  <si>
    <t>国・府支出金</t>
  </si>
  <si>
    <t>他会計からの繰入金</t>
  </si>
  <si>
    <t>一般会計からの繰入金</t>
  </si>
  <si>
    <t>特別会計からの繰入金</t>
  </si>
  <si>
    <t>公営企業からの繰入金</t>
  </si>
  <si>
    <t>棚卸資産売却収入</t>
  </si>
  <si>
    <t>受取利息及び配当金</t>
  </si>
  <si>
    <t>その他経常収益</t>
  </si>
  <si>
    <t>経常費用</t>
  </si>
  <si>
    <t>給与関係費</t>
  </si>
  <si>
    <t>賞与引当金繰入額</t>
  </si>
  <si>
    <t>退職手当引当金繰入額</t>
  </si>
  <si>
    <t>物件費</t>
  </si>
  <si>
    <t>維持補修費</t>
  </si>
  <si>
    <t>減価償却費</t>
  </si>
  <si>
    <t>支払利息及び手数料</t>
  </si>
  <si>
    <t>貸倒損失</t>
  </si>
  <si>
    <t>貸倒引当金繰入額</t>
  </si>
  <si>
    <t>損失補償等引当金繰入額</t>
  </si>
  <si>
    <t>棚卸資産売却原価</t>
  </si>
  <si>
    <t>扶助費</t>
  </si>
  <si>
    <t>負担金・補助金・交付金等</t>
  </si>
  <si>
    <t>他会計への繰出金</t>
  </si>
  <si>
    <t>一般会計への繰出金</t>
  </si>
  <si>
    <t>特別会計への繰出金</t>
  </si>
  <si>
    <t>公営企業への繰出金</t>
  </si>
  <si>
    <t>その他経常費用</t>
  </si>
  <si>
    <t>経常収支差額</t>
  </si>
  <si>
    <t>特別利益</t>
  </si>
  <si>
    <t>資産売却益</t>
  </si>
  <si>
    <t>資産受贈益</t>
  </si>
  <si>
    <t>事業再編等に伴う移転損益</t>
  </si>
  <si>
    <t>その他特別利益</t>
  </si>
  <si>
    <t>特別損失</t>
  </si>
  <si>
    <t>資産除売却損</t>
  </si>
  <si>
    <t>災害による損失</t>
  </si>
  <si>
    <t>出資金評価損</t>
  </si>
  <si>
    <t>その他特別損失</t>
  </si>
  <si>
    <t>特別収支差額</t>
  </si>
  <si>
    <t>一般財源等配分調整額</t>
  </si>
  <si>
    <t>内部取引</t>
  </si>
  <si>
    <t>当年度収支差額</t>
  </si>
  <si>
    <t>行政サービス活動</t>
  </si>
  <si>
    <t>行政サービス活動収入</t>
  </si>
  <si>
    <t>市税収入</t>
  </si>
  <si>
    <t>地方譲与税収入</t>
  </si>
  <si>
    <t>交付金収入</t>
  </si>
  <si>
    <t>地方特例交付金収入</t>
  </si>
  <si>
    <t>地方交付税収入</t>
  </si>
  <si>
    <t>保険料収入</t>
  </si>
  <si>
    <t>分担金及び負担金収入</t>
  </si>
  <si>
    <t>使用料及び手数料収入</t>
  </si>
  <si>
    <t>国・府支出金収入</t>
  </si>
  <si>
    <t>他会計からの繰入金収入</t>
  </si>
  <si>
    <t>一般会計からの繰入金収入</t>
  </si>
  <si>
    <t>特別会計からの繰入金収入</t>
  </si>
  <si>
    <t>公営企業会計からの繰入金収入</t>
  </si>
  <si>
    <t>受取利息及び配当金収入</t>
  </si>
  <si>
    <t>その他行政収入</t>
  </si>
  <si>
    <t>行政サービス活動支出</t>
  </si>
  <si>
    <t>給与関係費支出</t>
  </si>
  <si>
    <t>物件費支出</t>
  </si>
  <si>
    <t>維持補修費支出</t>
  </si>
  <si>
    <t>支払利息及び手数料支出</t>
  </si>
  <si>
    <t>扶助費支出</t>
  </si>
  <si>
    <t>負担金・補助金・交付金等支出</t>
  </si>
  <si>
    <t>他会計への繰出金支出</t>
  </si>
  <si>
    <t>一般会計への繰出金支出</t>
  </si>
  <si>
    <t>特別会計への繰出金支出</t>
  </si>
  <si>
    <t>公営企業会計への繰出金支出</t>
  </si>
  <si>
    <t>その他行政支出</t>
  </si>
  <si>
    <t>行政サービス活動収支差額</t>
  </si>
  <si>
    <t>投資活動</t>
  </si>
  <si>
    <t>投資活動収入</t>
  </si>
  <si>
    <t>資産売却収入</t>
  </si>
  <si>
    <t>基金繰入金（取崩額）</t>
  </si>
  <si>
    <t>財政調整基金（取崩額）</t>
  </si>
  <si>
    <t>その他の基金（取崩額）</t>
  </si>
  <si>
    <t>貸付金回収元金収入</t>
  </si>
  <si>
    <t>保証金等返還収入</t>
  </si>
  <si>
    <t>その他投資活動収入</t>
  </si>
  <si>
    <t>投資活動支出</t>
  </si>
  <si>
    <t>固定資産取得支出</t>
  </si>
  <si>
    <t>基金積立金</t>
  </si>
  <si>
    <t>財政調整基金積立金</t>
  </si>
  <si>
    <t>その他の基金積立金</t>
  </si>
  <si>
    <t>出資金支出</t>
  </si>
  <si>
    <t>貸付金支出</t>
  </si>
  <si>
    <t>保証金等支出</t>
  </si>
  <si>
    <t>投資活動収支差額</t>
  </si>
  <si>
    <t>財務活動</t>
  </si>
  <si>
    <t>財務活動収入</t>
  </si>
  <si>
    <t>地方債収入</t>
  </si>
  <si>
    <t>借入金収入</t>
  </si>
  <si>
    <t>その他財務活動収入</t>
  </si>
  <si>
    <t>財務活動支出</t>
  </si>
  <si>
    <t>地方債償還金支出</t>
  </si>
  <si>
    <t>借入金償還金支出</t>
  </si>
  <si>
    <t>リース債務償還金支出</t>
  </si>
  <si>
    <t>その他財務活動支出</t>
  </si>
  <si>
    <t>財務活動収支差額</t>
  </si>
  <si>
    <t>当年度現金預金増減額</t>
  </si>
  <si>
    <t>前年度末現金預金残高</t>
  </si>
  <si>
    <t>当年度末現金預金残高</t>
  </si>
  <si>
    <t>一般会計</t>
    <rPh sb="0" eb="2">
      <t>イッパン</t>
    </rPh>
    <phoneticPr fontId="8"/>
  </si>
  <si>
    <t>ＩＲ推進局</t>
    <rPh sb="2" eb="4">
      <t>スイシン</t>
    </rPh>
    <rPh sb="4" eb="5">
      <t>キョク</t>
    </rPh>
    <phoneticPr fontId="8"/>
  </si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8"/>
  </si>
  <si>
    <t>該当事項はありません。</t>
    <rPh sb="0" eb="2">
      <t>ガイトウ</t>
    </rPh>
    <rPh sb="2" eb="4">
      <t>ジコウ</t>
    </rPh>
    <phoneticPr fontId="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;&quot;▲ &quot;#,##0"/>
    <numFmt numFmtId="177" formatCode="0_);[Red]\(0\)"/>
  </numFmts>
  <fonts count="29" x14ac:knownFonts="1">
    <font>
      <sz val="11"/>
      <color theme="1"/>
      <name val="游ゴシック"/>
      <family val="3"/>
      <charset val="128"/>
      <scheme val="minor"/>
    </font>
    <font>
      <sz val="6"/>
      <name val="游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b/>
      <sz val="24"/>
      <name val="ＭＳ 明朝"/>
      <family val="1"/>
      <charset val="128"/>
    </font>
    <font>
      <sz val="24"/>
      <name val="ＭＳ 明朝"/>
      <family val="1"/>
      <charset val="128"/>
    </font>
    <font>
      <sz val="16"/>
      <name val="ＭＳ 明朝"/>
      <family val="1"/>
      <charset val="128"/>
    </font>
    <font>
      <sz val="6"/>
      <name val="游ゴシック"/>
      <family val="3"/>
      <charset val="128"/>
    </font>
    <font>
      <sz val="6"/>
      <name val="游ゴシック"/>
      <family val="3"/>
      <charset val="128"/>
    </font>
    <font>
      <sz val="11"/>
      <color theme="1"/>
      <name val="游ゴシック"/>
      <family val="3"/>
      <charset val="128"/>
      <scheme val="minor"/>
    </font>
    <font>
      <sz val="11"/>
      <color theme="1"/>
      <name val="ＭＳ Ｐゴシック"/>
      <family val="3"/>
      <charset val="128"/>
    </font>
    <font>
      <sz val="14"/>
      <color theme="1"/>
      <name val="ＭＳ 明朝"/>
      <family val="1"/>
      <charset val="128"/>
    </font>
    <font>
      <u/>
      <sz val="16"/>
      <color theme="1"/>
      <name val="ＭＳ ゴシック"/>
      <family val="3"/>
      <charset val="128"/>
    </font>
    <font>
      <b/>
      <sz val="22"/>
      <color theme="1"/>
      <name val="ＭＳ 明朝"/>
      <family val="1"/>
      <charset val="128"/>
    </font>
    <font>
      <b/>
      <sz val="14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  <font>
      <sz val="24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b/>
      <sz val="24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b/>
      <sz val="16"/>
      <color theme="1"/>
      <name val="ＭＳ 明朝"/>
      <family val="1"/>
      <charset val="128"/>
    </font>
    <font>
      <u/>
      <sz val="18"/>
      <color theme="1"/>
      <name val="ＭＳ ゴシック"/>
      <family val="3"/>
      <charset val="128"/>
    </font>
    <font>
      <b/>
      <sz val="28"/>
      <color theme="1"/>
      <name val="ＭＳ 明朝"/>
      <family val="1"/>
      <charset val="128"/>
    </font>
    <font>
      <b/>
      <sz val="18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b/>
      <sz val="20"/>
      <color theme="1"/>
      <name val="ＭＳ Ｐ明朝"/>
      <family val="1"/>
      <charset val="128"/>
    </font>
    <font>
      <sz val="20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  <font>
      <sz val="11"/>
      <color theme="1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8">
    <xf numFmtId="0" fontId="0" fillId="0" borderId="0">
      <alignment vertical="center"/>
    </xf>
    <xf numFmtId="0" fontId="9" fillId="0" borderId="0">
      <alignment vertical="center"/>
    </xf>
    <xf numFmtId="0" fontId="9" fillId="0" borderId="0">
      <alignment vertical="center"/>
    </xf>
    <xf numFmtId="0" fontId="3" fillId="0" borderId="0">
      <alignment vertical="center"/>
    </xf>
    <xf numFmtId="0" fontId="3" fillId="0" borderId="0">
      <alignment vertical="center"/>
    </xf>
    <xf numFmtId="0" fontId="10" fillId="0" borderId="0">
      <alignment vertical="center"/>
    </xf>
    <xf numFmtId="0" fontId="10" fillId="0" borderId="0">
      <alignment vertical="center"/>
    </xf>
    <xf numFmtId="0" fontId="10" fillId="0" borderId="0">
      <alignment vertical="center"/>
    </xf>
  </cellStyleXfs>
  <cellXfs count="195">
    <xf numFmtId="0" fontId="0" fillId="0" borderId="0" xfId="0">
      <alignment vertical="center"/>
    </xf>
    <xf numFmtId="0" fontId="11" fillId="0" borderId="0" xfId="1" applyFont="1" applyFill="1">
      <alignment vertical="center"/>
    </xf>
    <xf numFmtId="0" fontId="12" fillId="0" borderId="0" xfId="5" applyFont="1" applyFill="1" applyAlignment="1">
      <alignment horizontal="left" vertical="center"/>
    </xf>
    <xf numFmtId="0" fontId="11" fillId="0" borderId="1" xfId="1" applyFont="1" applyFill="1" applyBorder="1">
      <alignment vertical="center"/>
    </xf>
    <xf numFmtId="0" fontId="11" fillId="0" borderId="2" xfId="1" applyFont="1" applyFill="1" applyBorder="1">
      <alignment vertical="center"/>
    </xf>
    <xf numFmtId="0" fontId="11" fillId="0" borderId="3" xfId="1" applyFont="1" applyFill="1" applyBorder="1">
      <alignment vertical="center"/>
    </xf>
    <xf numFmtId="0" fontId="11" fillId="0" borderId="4" xfId="1" applyFont="1" applyFill="1" applyBorder="1">
      <alignment vertical="center"/>
    </xf>
    <xf numFmtId="0" fontId="11" fillId="0" borderId="0" xfId="1" applyFont="1" applyFill="1" applyBorder="1">
      <alignment vertical="center"/>
    </xf>
    <xf numFmtId="0" fontId="11" fillId="0" borderId="0" xfId="5" applyFont="1" applyFill="1" applyBorder="1" applyAlignment="1"/>
    <xf numFmtId="0" fontId="11" fillId="0" borderId="5" xfId="1" applyFont="1" applyFill="1" applyBorder="1">
      <alignment vertical="center"/>
    </xf>
    <xf numFmtId="0" fontId="13" fillId="0" borderId="0" xfId="5" applyFont="1" applyFill="1" applyBorder="1" applyAlignment="1">
      <alignment horizontal="center"/>
    </xf>
    <xf numFmtId="0" fontId="14" fillId="0" borderId="0" xfId="5" applyFont="1" applyFill="1" applyBorder="1" applyAlignment="1">
      <alignment horizontal="center" vertical="center"/>
    </xf>
    <xf numFmtId="0" fontId="11" fillId="0" borderId="0" xfId="5" applyFont="1" applyFill="1" applyBorder="1" applyAlignment="1">
      <alignment vertical="center"/>
    </xf>
    <xf numFmtId="0" fontId="11" fillId="0" borderId="0" xfId="5" applyFont="1" applyFill="1" applyBorder="1" applyAlignment="1">
      <alignment horizontal="left" vertical="center"/>
    </xf>
    <xf numFmtId="58" fontId="11" fillId="0" borderId="0" xfId="1" applyNumberFormat="1" applyFont="1" applyFill="1" applyBorder="1">
      <alignment vertical="center"/>
    </xf>
    <xf numFmtId="0" fontId="15" fillId="0" borderId="0" xfId="1" applyFont="1" applyFill="1" applyBorder="1" applyAlignment="1">
      <alignment horizontal="right" vertical="center"/>
    </xf>
    <xf numFmtId="0" fontId="11" fillId="0" borderId="0" xfId="1" applyFont="1" applyFill="1" applyBorder="1" applyAlignment="1">
      <alignment horizontal="right" vertical="center"/>
    </xf>
    <xf numFmtId="0" fontId="11" fillId="0" borderId="6" xfId="1" applyFont="1" applyFill="1" applyBorder="1">
      <alignment vertical="center"/>
    </xf>
    <xf numFmtId="0" fontId="15" fillId="0" borderId="2" xfId="1" applyFont="1" applyFill="1" applyBorder="1">
      <alignment vertical="center"/>
    </xf>
    <xf numFmtId="0" fontId="15" fillId="0" borderId="2" xfId="1" applyFont="1" applyFill="1" applyBorder="1" applyAlignment="1">
      <alignment vertical="center"/>
    </xf>
    <xf numFmtId="176" fontId="15" fillId="0" borderId="2" xfId="1" applyNumberFormat="1" applyFont="1" applyFill="1" applyBorder="1">
      <alignment vertical="center"/>
    </xf>
    <xf numFmtId="0" fontId="15" fillId="0" borderId="3" xfId="1" applyFont="1" applyFill="1" applyBorder="1">
      <alignment vertical="center"/>
    </xf>
    <xf numFmtId="176" fontId="15" fillId="0" borderId="3" xfId="1" applyNumberFormat="1" applyFont="1" applyFill="1" applyBorder="1">
      <alignment vertical="center"/>
    </xf>
    <xf numFmtId="0" fontId="15" fillId="0" borderId="0" xfId="1" applyFont="1" applyFill="1" applyBorder="1">
      <alignment vertical="center"/>
    </xf>
    <xf numFmtId="176" fontId="15" fillId="0" borderId="0" xfId="1" applyNumberFormat="1" applyFont="1" applyFill="1" applyBorder="1" applyAlignment="1">
      <alignment horizontal="right" vertical="center"/>
    </xf>
    <xf numFmtId="0" fontId="15" fillId="0" borderId="0" xfId="1" applyFont="1" applyFill="1" applyBorder="1" applyAlignment="1">
      <alignment horizontal="left" vertical="center"/>
    </xf>
    <xf numFmtId="176" fontId="15" fillId="0" borderId="0" xfId="1" applyNumberFormat="1" applyFont="1" applyFill="1" applyBorder="1">
      <alignment vertical="center"/>
    </xf>
    <xf numFmtId="176" fontId="11" fillId="0" borderId="0" xfId="1" applyNumberFormat="1" applyFont="1" applyFill="1" applyBorder="1" applyAlignment="1">
      <alignment horizontal="right" vertical="center"/>
    </xf>
    <xf numFmtId="176" fontId="11" fillId="0" borderId="2" xfId="1" applyNumberFormat="1" applyFont="1" applyFill="1" applyBorder="1" applyAlignment="1">
      <alignment horizontal="right" vertical="center"/>
    </xf>
    <xf numFmtId="176" fontId="11" fillId="0" borderId="0" xfId="1" applyNumberFormat="1" applyFont="1" applyFill="1" applyBorder="1">
      <alignment vertical="center"/>
    </xf>
    <xf numFmtId="176" fontId="11" fillId="0" borderId="0" xfId="1" applyNumberFormat="1" applyFont="1" applyFill="1">
      <alignment vertical="center"/>
    </xf>
    <xf numFmtId="0" fontId="15" fillId="0" borderId="1" xfId="1" applyFont="1" applyFill="1" applyBorder="1">
      <alignment vertical="center"/>
    </xf>
    <xf numFmtId="0" fontId="15" fillId="0" borderId="4" xfId="1" applyFont="1" applyFill="1" applyBorder="1">
      <alignment vertical="center"/>
    </xf>
    <xf numFmtId="0" fontId="15" fillId="0" borderId="0" xfId="3" applyFont="1" applyFill="1" applyBorder="1" applyAlignment="1"/>
    <xf numFmtId="0" fontId="15" fillId="0" borderId="5" xfId="1" applyFont="1" applyFill="1" applyBorder="1">
      <alignment vertical="center"/>
    </xf>
    <xf numFmtId="0" fontId="16" fillId="0" borderId="4" xfId="1" applyFont="1" applyFill="1" applyBorder="1">
      <alignment vertical="center"/>
    </xf>
    <xf numFmtId="0" fontId="16" fillId="0" borderId="5" xfId="1" applyFont="1" applyFill="1" applyBorder="1">
      <alignment vertical="center"/>
    </xf>
    <xf numFmtId="0" fontId="15" fillId="0" borderId="0" xfId="1" applyFont="1" applyFill="1">
      <alignment vertical="center"/>
    </xf>
    <xf numFmtId="58" fontId="15" fillId="0" borderId="0" xfId="1" applyNumberFormat="1" applyFont="1" applyFill="1" applyBorder="1">
      <alignment vertical="center"/>
    </xf>
    <xf numFmtId="0" fontId="15" fillId="0" borderId="1" xfId="1" applyFont="1" applyFill="1" applyBorder="1" applyAlignment="1">
      <alignment vertical="center"/>
    </xf>
    <xf numFmtId="0" fontId="15" fillId="0" borderId="2" xfId="1" applyFont="1" applyFill="1" applyBorder="1" applyAlignment="1">
      <alignment horizontal="left" vertical="center" indent="1"/>
    </xf>
    <xf numFmtId="177" fontId="15" fillId="0" borderId="0" xfId="1" applyNumberFormat="1" applyFont="1" applyFill="1" applyBorder="1" applyAlignment="1">
      <alignment horizontal="left" vertical="center" indent="1"/>
    </xf>
    <xf numFmtId="177" fontId="15" fillId="0" borderId="0" xfId="1" applyNumberFormat="1" applyFont="1" applyFill="1" applyBorder="1">
      <alignment vertical="center"/>
    </xf>
    <xf numFmtId="0" fontId="15" fillId="0" borderId="7" xfId="1" applyFont="1" applyFill="1" applyBorder="1">
      <alignment vertical="center"/>
    </xf>
    <xf numFmtId="0" fontId="15" fillId="0" borderId="8" xfId="1" applyFont="1" applyFill="1" applyBorder="1">
      <alignment vertical="center"/>
    </xf>
    <xf numFmtId="176" fontId="15" fillId="0" borderId="8" xfId="1" applyNumberFormat="1" applyFont="1" applyFill="1" applyBorder="1">
      <alignment vertical="center"/>
    </xf>
    <xf numFmtId="0" fontId="15" fillId="0" borderId="9" xfId="1" applyFont="1" applyFill="1" applyBorder="1">
      <alignment vertical="center"/>
    </xf>
    <xf numFmtId="176" fontId="15" fillId="0" borderId="0" xfId="1" applyNumberFormat="1" applyFont="1" applyFill="1">
      <alignment vertical="center"/>
    </xf>
    <xf numFmtId="0" fontId="17" fillId="0" borderId="0" xfId="1" applyFont="1" applyFill="1">
      <alignment vertical="center"/>
    </xf>
    <xf numFmtId="0" fontId="12" fillId="0" borderId="0" xfId="4" applyFont="1" applyFill="1" applyAlignment="1">
      <alignment horizontal="left" vertical="center"/>
    </xf>
    <xf numFmtId="0" fontId="17" fillId="0" borderId="1" xfId="1" applyFont="1" applyFill="1" applyBorder="1">
      <alignment vertical="center"/>
    </xf>
    <xf numFmtId="0" fontId="17" fillId="0" borderId="2" xfId="1" applyFont="1" applyFill="1" applyBorder="1">
      <alignment vertical="center"/>
    </xf>
    <xf numFmtId="0" fontId="17" fillId="0" borderId="3" xfId="1" applyFont="1" applyFill="1" applyBorder="1">
      <alignment vertical="center"/>
    </xf>
    <xf numFmtId="0" fontId="17" fillId="0" borderId="4" xfId="1" applyFont="1" applyFill="1" applyBorder="1">
      <alignment vertical="center"/>
    </xf>
    <xf numFmtId="0" fontId="17" fillId="0" borderId="0" xfId="1" applyFont="1" applyFill="1" applyBorder="1">
      <alignment vertical="center"/>
    </xf>
    <xf numFmtId="0" fontId="18" fillId="0" borderId="0" xfId="1" applyFont="1" applyFill="1" applyBorder="1" applyAlignment="1">
      <alignment vertical="center"/>
    </xf>
    <xf numFmtId="0" fontId="16" fillId="0" borderId="0" xfId="1" applyFont="1" applyFill="1" applyBorder="1" applyAlignment="1">
      <alignment vertical="center"/>
    </xf>
    <xf numFmtId="0" fontId="17" fillId="0" borderId="5" xfId="1" applyFont="1" applyFill="1" applyBorder="1">
      <alignment vertical="center"/>
    </xf>
    <xf numFmtId="0" fontId="17" fillId="0" borderId="0" xfId="7" applyFont="1" applyFill="1" applyBorder="1" applyAlignment="1">
      <alignment vertical="center"/>
    </xf>
    <xf numFmtId="0" fontId="17" fillId="0" borderId="0" xfId="1" quotePrefix="1" applyFont="1" applyFill="1" applyBorder="1" applyAlignment="1">
      <alignment horizontal="right" vertical="center"/>
    </xf>
    <xf numFmtId="0" fontId="17" fillId="0" borderId="0" xfId="7" applyFont="1" applyFill="1" applyBorder="1" applyAlignment="1">
      <alignment horizontal="left" vertical="center"/>
    </xf>
    <xf numFmtId="0" fontId="15" fillId="0" borderId="0" xfId="7" applyFont="1" applyFill="1" applyBorder="1" applyAlignment="1">
      <alignment horizontal="left" vertical="center"/>
    </xf>
    <xf numFmtId="58" fontId="15" fillId="0" borderId="0" xfId="1" quotePrefix="1" applyNumberFormat="1" applyFont="1" applyFill="1" applyBorder="1">
      <alignment vertical="center"/>
    </xf>
    <xf numFmtId="0" fontId="15" fillId="0" borderId="10" xfId="1" applyFont="1" applyFill="1" applyBorder="1" applyAlignment="1">
      <alignment horizontal="center" vertical="center" wrapText="1"/>
    </xf>
    <xf numFmtId="176" fontId="15" fillId="0" borderId="10" xfId="1" applyNumberFormat="1" applyFont="1" applyFill="1" applyBorder="1">
      <alignment vertical="center"/>
    </xf>
    <xf numFmtId="0" fontId="17" fillId="0" borderId="7" xfId="1" applyFont="1" applyFill="1" applyBorder="1">
      <alignment vertical="center"/>
    </xf>
    <xf numFmtId="0" fontId="17" fillId="0" borderId="8" xfId="1" applyFont="1" applyFill="1" applyBorder="1">
      <alignment vertical="center"/>
    </xf>
    <xf numFmtId="0" fontId="17" fillId="0" borderId="9" xfId="1" applyFont="1" applyFill="1" applyBorder="1">
      <alignment vertical="center"/>
    </xf>
    <xf numFmtId="0" fontId="19" fillId="0" borderId="1" xfId="1" applyFont="1" applyFill="1" applyBorder="1">
      <alignment vertical="center"/>
    </xf>
    <xf numFmtId="0" fontId="11" fillId="0" borderId="0" xfId="6" applyFont="1" applyFill="1" applyBorder="1" applyAlignment="1"/>
    <xf numFmtId="0" fontId="18" fillId="0" borderId="0" xfId="6" applyFont="1" applyFill="1" applyBorder="1" applyAlignment="1">
      <alignment horizontal="center"/>
    </xf>
    <xf numFmtId="0" fontId="20" fillId="0" borderId="0" xfId="6" applyFont="1" applyFill="1" applyBorder="1" applyAlignment="1">
      <alignment horizontal="center" vertical="center"/>
    </xf>
    <xf numFmtId="0" fontId="11" fillId="0" borderId="0" xfId="6" applyFont="1" applyFill="1" applyBorder="1" applyAlignment="1">
      <alignment vertical="center"/>
    </xf>
    <xf numFmtId="0" fontId="11" fillId="0" borderId="0" xfId="6" applyFont="1" applyFill="1" applyBorder="1" applyAlignment="1">
      <alignment horizontal="center" vertical="center"/>
    </xf>
    <xf numFmtId="0" fontId="11" fillId="0" borderId="0" xfId="6" applyFont="1" applyFill="1" applyBorder="1" applyAlignment="1">
      <alignment horizontal="left" vertical="center"/>
    </xf>
    <xf numFmtId="49" fontId="11" fillId="0" borderId="0" xfId="6" applyNumberFormat="1" applyFont="1" applyFill="1" applyBorder="1" applyAlignment="1">
      <alignment horizontal="left" vertical="center"/>
    </xf>
    <xf numFmtId="49" fontId="11" fillId="0" borderId="0" xfId="6" applyNumberFormat="1" applyFont="1" applyFill="1" applyBorder="1" applyAlignment="1">
      <alignment horizontal="center" vertical="center"/>
    </xf>
    <xf numFmtId="0" fontId="11" fillId="0" borderId="0" xfId="1" applyFont="1" applyFill="1" applyBorder="1" applyAlignment="1">
      <alignment horizontal="center" vertical="center"/>
    </xf>
    <xf numFmtId="0" fontId="11" fillId="0" borderId="8" xfId="1" applyFont="1" applyFill="1" applyBorder="1">
      <alignment vertical="center"/>
    </xf>
    <xf numFmtId="0" fontId="11" fillId="0" borderId="7" xfId="1" applyFont="1" applyFill="1" applyBorder="1">
      <alignment vertical="center"/>
    </xf>
    <xf numFmtId="176" fontId="11" fillId="0" borderId="8" xfId="1" applyNumberFormat="1" applyFont="1" applyFill="1" applyBorder="1" applyAlignment="1">
      <alignment horizontal="right" vertical="center"/>
    </xf>
    <xf numFmtId="0" fontId="11" fillId="0" borderId="9" xfId="1" applyFont="1" applyFill="1" applyBorder="1">
      <alignment vertical="center"/>
    </xf>
    <xf numFmtId="0" fontId="15" fillId="0" borderId="0" xfId="2" applyFont="1" applyFill="1">
      <alignment vertical="center"/>
    </xf>
    <xf numFmtId="0" fontId="6" fillId="0" borderId="0" xfId="2" applyFont="1">
      <alignment vertical="center"/>
    </xf>
    <xf numFmtId="0" fontId="6" fillId="0" borderId="0" xfId="2" applyFont="1" applyAlignment="1">
      <alignment horizontal="right" vertical="center"/>
    </xf>
    <xf numFmtId="0" fontId="6" fillId="0" borderId="11" xfId="2" applyFont="1" applyBorder="1" applyAlignment="1">
      <alignment horizontal="center" vertical="center" wrapText="1"/>
    </xf>
    <xf numFmtId="0" fontId="6" fillId="0" borderId="11" xfId="2" applyFont="1" applyBorder="1" applyAlignment="1">
      <alignment horizontal="center" vertical="center"/>
    </xf>
    <xf numFmtId="0" fontId="6" fillId="0" borderId="12" xfId="2" applyFont="1" applyBorder="1" applyAlignment="1">
      <alignment horizontal="center" vertical="center"/>
    </xf>
    <xf numFmtId="0" fontId="6" fillId="0" borderId="13" xfId="2" applyFont="1" applyBorder="1" applyAlignment="1">
      <alignment vertical="center"/>
    </xf>
    <xf numFmtId="0" fontId="6" fillId="0" borderId="14" xfId="2" applyFont="1" applyBorder="1" applyAlignment="1">
      <alignment vertical="center"/>
    </xf>
    <xf numFmtId="0" fontId="6" fillId="0" borderId="15" xfId="2" applyFont="1" applyBorder="1" applyAlignment="1">
      <alignment vertical="center"/>
    </xf>
    <xf numFmtId="176" fontId="6" fillId="0" borderId="10" xfId="2" applyNumberFormat="1" applyFont="1" applyBorder="1">
      <alignment vertical="center"/>
    </xf>
    <xf numFmtId="0" fontId="6" fillId="0" borderId="13" xfId="2" applyFont="1" applyFill="1" applyBorder="1" applyAlignment="1">
      <alignment vertical="center"/>
    </xf>
    <xf numFmtId="0" fontId="6" fillId="0" borderId="14" xfId="2" applyFont="1" applyFill="1" applyBorder="1" applyAlignment="1">
      <alignment vertical="center"/>
    </xf>
    <xf numFmtId="0" fontId="6" fillId="0" borderId="15" xfId="2" applyFont="1" applyFill="1" applyBorder="1" applyAlignment="1">
      <alignment vertical="center"/>
    </xf>
    <xf numFmtId="0" fontId="15" fillId="0" borderId="0" xfId="2" applyFont="1">
      <alignment vertical="center"/>
    </xf>
    <xf numFmtId="0" fontId="15" fillId="0" borderId="0" xfId="2" quotePrefix="1" applyFont="1">
      <alignment vertical="center"/>
    </xf>
    <xf numFmtId="0" fontId="15" fillId="0" borderId="0" xfId="2" applyFont="1" applyAlignment="1">
      <alignment horizontal="right" vertical="center"/>
    </xf>
    <xf numFmtId="0" fontId="15" fillId="0" borderId="10" xfId="2" applyFont="1" applyBorder="1" applyAlignment="1">
      <alignment horizontal="center" vertical="center"/>
    </xf>
    <xf numFmtId="176" fontId="15" fillId="0" borderId="10" xfId="2" applyNumberFormat="1" applyFont="1" applyBorder="1">
      <alignment vertical="center"/>
    </xf>
    <xf numFmtId="0" fontId="15" fillId="0" borderId="13" xfId="1" applyFont="1" applyFill="1" applyBorder="1">
      <alignment vertical="center"/>
    </xf>
    <xf numFmtId="0" fontId="0" fillId="0" borderId="14" xfId="0" applyBorder="1">
      <alignment vertical="center"/>
    </xf>
    <xf numFmtId="0" fontId="15" fillId="0" borderId="14" xfId="1" applyFont="1" applyFill="1" applyBorder="1">
      <alignment vertical="center"/>
    </xf>
    <xf numFmtId="176" fontId="15" fillId="0" borderId="14" xfId="1" applyNumberFormat="1" applyFont="1" applyFill="1" applyBorder="1" applyAlignment="1">
      <alignment horizontal="right" vertical="center"/>
    </xf>
    <xf numFmtId="0" fontId="15" fillId="0" borderId="15" xfId="1" applyFont="1" applyFill="1" applyBorder="1">
      <alignment vertical="center"/>
    </xf>
    <xf numFmtId="176" fontId="15" fillId="0" borderId="14" xfId="1" applyNumberFormat="1" applyFont="1" applyFill="1" applyBorder="1">
      <alignment vertical="center"/>
    </xf>
    <xf numFmtId="176" fontId="15" fillId="0" borderId="15" xfId="1" applyNumberFormat="1" applyFont="1" applyFill="1" applyBorder="1">
      <alignment vertical="center"/>
    </xf>
    <xf numFmtId="176" fontId="15" fillId="0" borderId="15" xfId="1" applyNumberFormat="1" applyFont="1" applyFill="1" applyBorder="1" applyAlignment="1">
      <alignment horizontal="right" vertical="center"/>
    </xf>
    <xf numFmtId="0" fontId="15" fillId="0" borderId="1" xfId="1" applyFont="1" applyFill="1" applyBorder="1" applyAlignment="1">
      <alignment horizontal="left" vertical="center"/>
    </xf>
    <xf numFmtId="176" fontId="15" fillId="0" borderId="5" xfId="1" applyNumberFormat="1" applyFont="1" applyFill="1" applyBorder="1" applyAlignment="1">
      <alignment horizontal="right" vertical="center"/>
    </xf>
    <xf numFmtId="176" fontId="15" fillId="0" borderId="5" xfId="1" applyNumberFormat="1" applyFont="1" applyFill="1" applyBorder="1">
      <alignment vertical="center"/>
    </xf>
    <xf numFmtId="177" fontId="15" fillId="0" borderId="13" xfId="1" applyNumberFormat="1" applyFont="1" applyFill="1" applyBorder="1" applyAlignment="1">
      <alignment vertical="center"/>
    </xf>
    <xf numFmtId="177" fontId="15" fillId="0" borderId="14" xfId="1" applyNumberFormat="1" applyFont="1" applyFill="1" applyBorder="1" applyAlignment="1">
      <alignment horizontal="left" vertical="center" indent="1"/>
    </xf>
    <xf numFmtId="177" fontId="15" fillId="0" borderId="14" xfId="1" applyNumberFormat="1" applyFont="1" applyFill="1" applyBorder="1">
      <alignment vertical="center"/>
    </xf>
    <xf numFmtId="177" fontId="15" fillId="0" borderId="15" xfId="1" applyNumberFormat="1" applyFont="1" applyFill="1" applyBorder="1">
      <alignment vertical="center"/>
    </xf>
    <xf numFmtId="177" fontId="15" fillId="0" borderId="4" xfId="1" applyNumberFormat="1" applyFont="1" applyFill="1" applyBorder="1" applyAlignment="1">
      <alignment vertical="center"/>
    </xf>
    <xf numFmtId="177" fontId="15" fillId="0" borderId="5" xfId="1" applyNumberFormat="1" applyFont="1" applyFill="1" applyBorder="1" applyAlignment="1">
      <alignment horizontal="right" vertical="center"/>
    </xf>
    <xf numFmtId="177" fontId="15" fillId="0" borderId="7" xfId="1" applyNumberFormat="1" applyFont="1" applyFill="1" applyBorder="1" applyAlignment="1">
      <alignment vertical="center"/>
    </xf>
    <xf numFmtId="177" fontId="15" fillId="0" borderId="8" xfId="1" applyNumberFormat="1" applyFont="1" applyFill="1" applyBorder="1" applyAlignment="1">
      <alignment horizontal="left" vertical="center" indent="1"/>
    </xf>
    <xf numFmtId="177" fontId="15" fillId="0" borderId="8" xfId="1" applyNumberFormat="1" applyFont="1" applyFill="1" applyBorder="1">
      <alignment vertical="center"/>
    </xf>
    <xf numFmtId="176" fontId="15" fillId="0" borderId="8" xfId="1" applyNumberFormat="1" applyFont="1" applyFill="1" applyBorder="1" applyAlignment="1">
      <alignment horizontal="right" vertical="center"/>
    </xf>
    <xf numFmtId="177" fontId="15" fillId="0" borderId="9" xfId="1" applyNumberFormat="1" applyFont="1" applyFill="1" applyBorder="1" applyAlignment="1">
      <alignment horizontal="right" vertical="center"/>
    </xf>
    <xf numFmtId="177" fontId="15" fillId="0" borderId="5" xfId="1" applyNumberFormat="1" applyFont="1" applyFill="1" applyBorder="1">
      <alignment vertical="center"/>
    </xf>
    <xf numFmtId="176" fontId="15" fillId="0" borderId="9" xfId="1" applyNumberFormat="1" applyFont="1" applyFill="1" applyBorder="1" applyAlignment="1">
      <alignment horizontal="right" vertical="center"/>
    </xf>
    <xf numFmtId="0" fontId="15" fillId="0" borderId="4" xfId="1" applyFont="1" applyFill="1" applyBorder="1" applyAlignment="1">
      <alignment horizontal="left" vertical="center"/>
    </xf>
    <xf numFmtId="0" fontId="21" fillId="0" borderId="0" xfId="5" applyFont="1" applyFill="1" applyAlignment="1">
      <alignment horizontal="left" vertical="center"/>
    </xf>
    <xf numFmtId="0" fontId="23" fillId="0" borderId="0" xfId="0" applyFont="1">
      <alignment vertical="center"/>
    </xf>
    <xf numFmtId="0" fontId="24" fillId="0" borderId="0" xfId="0" applyFont="1">
      <alignment vertical="center"/>
    </xf>
    <xf numFmtId="0" fontId="24" fillId="0" borderId="0" xfId="0" applyFont="1" applyBorder="1" applyAlignment="1">
      <alignment vertical="top" wrapText="1"/>
    </xf>
    <xf numFmtId="0" fontId="24" fillId="0" borderId="0" xfId="0" applyFont="1" applyBorder="1" applyAlignment="1">
      <alignment horizontal="left" vertical="top" wrapText="1"/>
    </xf>
    <xf numFmtId="0" fontId="24" fillId="0" borderId="0" xfId="0" applyFont="1" applyBorder="1" applyAlignment="1">
      <alignment vertical="center" wrapText="1"/>
    </xf>
    <xf numFmtId="0" fontId="24" fillId="0" borderId="0" xfId="0" applyFont="1" applyBorder="1">
      <alignment vertical="center"/>
    </xf>
    <xf numFmtId="0" fontId="25" fillId="0" borderId="0" xfId="0" applyFont="1">
      <alignment vertical="center"/>
    </xf>
    <xf numFmtId="0" fontId="26" fillId="0" borderId="0" xfId="0" applyFont="1">
      <alignment vertical="center"/>
    </xf>
    <xf numFmtId="0" fontId="27" fillId="0" borderId="0" xfId="0" applyFont="1">
      <alignment vertical="center"/>
    </xf>
    <xf numFmtId="0" fontId="28" fillId="0" borderId="0" xfId="0" applyFont="1">
      <alignment vertical="center"/>
    </xf>
    <xf numFmtId="0" fontId="18" fillId="0" borderId="0" xfId="5" applyFont="1" applyFill="1" applyBorder="1" applyAlignment="1">
      <alignment horizontal="center"/>
    </xf>
    <xf numFmtId="0" fontId="20" fillId="0" borderId="0" xfId="5" applyFont="1" applyFill="1" applyBorder="1" applyAlignment="1">
      <alignment horizontal="center" vertical="center"/>
    </xf>
    <xf numFmtId="0" fontId="11" fillId="0" borderId="0" xfId="5" applyFont="1" applyFill="1" applyBorder="1" applyAlignment="1">
      <alignment horizontal="center" vertical="center"/>
    </xf>
    <xf numFmtId="0" fontId="11" fillId="0" borderId="0" xfId="5" applyFont="1" applyFill="1" applyBorder="1" applyAlignment="1">
      <alignment horizontal="left" vertical="center"/>
    </xf>
    <xf numFmtId="49" fontId="11" fillId="0" borderId="0" xfId="5" applyNumberFormat="1" applyFont="1" applyFill="1" applyBorder="1" applyAlignment="1">
      <alignment horizontal="left" vertical="center"/>
    </xf>
    <xf numFmtId="49" fontId="11" fillId="0" borderId="0" xfId="5" applyNumberFormat="1" applyFont="1" applyFill="1" applyBorder="1" applyAlignment="1">
      <alignment horizontal="center" vertical="center"/>
    </xf>
    <xf numFmtId="0" fontId="11" fillId="0" borderId="8" xfId="1" applyFont="1" applyFill="1" applyBorder="1" applyAlignment="1">
      <alignment horizontal="center" vertical="center"/>
    </xf>
    <xf numFmtId="0" fontId="18" fillId="0" borderId="0" xfId="3" applyFont="1" applyFill="1" applyBorder="1" applyAlignment="1">
      <alignment horizontal="center"/>
    </xf>
    <xf numFmtId="0" fontId="10" fillId="0" borderId="0" xfId="5" applyAlignment="1">
      <alignment horizontal="center"/>
    </xf>
    <xf numFmtId="0" fontId="20" fillId="0" borderId="0" xfId="3" applyFont="1" applyFill="1" applyBorder="1" applyAlignment="1">
      <alignment horizontal="center"/>
    </xf>
    <xf numFmtId="0" fontId="10" fillId="0" borderId="0" xfId="5" applyAlignment="1">
      <alignment horizontal="center" vertical="center"/>
    </xf>
    <xf numFmtId="0" fontId="15" fillId="0" borderId="0" xfId="1" applyFont="1" applyFill="1" applyBorder="1" applyAlignment="1">
      <alignment horizontal="center" vertical="center"/>
    </xf>
    <xf numFmtId="0" fontId="18" fillId="0" borderId="0" xfId="1" applyFont="1" applyFill="1" applyBorder="1" applyAlignment="1">
      <alignment horizontal="center" vertical="center"/>
    </xf>
    <xf numFmtId="0" fontId="10" fillId="0" borderId="0" xfId="5" applyAlignment="1">
      <alignment vertical="center"/>
    </xf>
    <xf numFmtId="0" fontId="20" fillId="0" borderId="0" xfId="1" applyFont="1" applyFill="1" applyBorder="1" applyAlignment="1">
      <alignment horizontal="center" vertical="center"/>
    </xf>
    <xf numFmtId="0" fontId="17" fillId="0" borderId="0" xfId="7" applyFont="1" applyFill="1" applyBorder="1" applyAlignment="1">
      <alignment horizontal="left" vertical="center"/>
    </xf>
    <xf numFmtId="49" fontId="17" fillId="0" borderId="0" xfId="7" applyNumberFormat="1" applyFont="1" applyFill="1" applyBorder="1" applyAlignment="1">
      <alignment horizontal="left" vertical="center"/>
    </xf>
    <xf numFmtId="49" fontId="15" fillId="0" borderId="0" xfId="7" applyNumberFormat="1" applyFont="1" applyFill="1" applyBorder="1" applyAlignment="1">
      <alignment horizontal="center" vertical="center"/>
    </xf>
    <xf numFmtId="0" fontId="15" fillId="0" borderId="0" xfId="7" applyFont="1" applyFill="1" applyBorder="1" applyAlignment="1">
      <alignment horizontal="center" vertical="center"/>
    </xf>
    <xf numFmtId="0" fontId="15" fillId="0" borderId="10" xfId="1" applyFont="1" applyFill="1" applyBorder="1" applyAlignment="1">
      <alignment horizontal="center" vertical="center"/>
    </xf>
    <xf numFmtId="0" fontId="15" fillId="0" borderId="0" xfId="7" applyFont="1" applyFill="1" applyBorder="1" applyAlignment="1">
      <alignment horizontal="left" vertical="center"/>
    </xf>
    <xf numFmtId="49" fontId="15" fillId="0" borderId="0" xfId="7" applyNumberFormat="1" applyFont="1" applyFill="1" applyBorder="1" applyAlignment="1">
      <alignment horizontal="left" vertical="center"/>
    </xf>
    <xf numFmtId="0" fontId="11" fillId="0" borderId="0" xfId="6" applyFont="1" applyFill="1" applyBorder="1" applyAlignment="1">
      <alignment horizontal="left" vertical="center"/>
    </xf>
    <xf numFmtId="0" fontId="11" fillId="0" borderId="0" xfId="6" applyFont="1" applyFill="1" applyBorder="1" applyAlignment="1">
      <alignment horizontal="center" vertical="center"/>
    </xf>
    <xf numFmtId="0" fontId="18" fillId="0" borderId="0" xfId="6" applyFont="1" applyFill="1" applyBorder="1" applyAlignment="1">
      <alignment horizontal="center"/>
    </xf>
    <xf numFmtId="0" fontId="20" fillId="0" borderId="0" xfId="6" applyFont="1" applyFill="1" applyBorder="1" applyAlignment="1">
      <alignment horizontal="center" vertical="center"/>
    </xf>
    <xf numFmtId="0" fontId="4" fillId="0" borderId="0" xfId="2" applyFont="1" applyAlignment="1">
      <alignment horizontal="center" vertical="center"/>
    </xf>
    <xf numFmtId="0" fontId="5" fillId="0" borderId="0" xfId="2" applyFont="1" applyAlignment="1">
      <alignment horizontal="center" vertical="center"/>
    </xf>
    <xf numFmtId="0" fontId="6" fillId="0" borderId="1" xfId="2" applyFont="1" applyBorder="1" applyAlignment="1">
      <alignment horizontal="center" vertical="center"/>
    </xf>
    <xf numFmtId="0" fontId="6" fillId="0" borderId="2" xfId="2" applyFont="1" applyBorder="1" applyAlignment="1">
      <alignment horizontal="center" vertical="center"/>
    </xf>
    <xf numFmtId="0" fontId="6" fillId="0" borderId="3" xfId="2" applyFont="1" applyBorder="1" applyAlignment="1">
      <alignment horizontal="center" vertical="center"/>
    </xf>
    <xf numFmtId="0" fontId="6" fillId="0" borderId="7" xfId="2" applyFont="1" applyBorder="1" applyAlignment="1">
      <alignment horizontal="center" vertical="center"/>
    </xf>
    <xf numFmtId="0" fontId="6" fillId="0" borderId="8" xfId="2" applyFont="1" applyBorder="1" applyAlignment="1">
      <alignment horizontal="center" vertical="center"/>
    </xf>
    <xf numFmtId="0" fontId="6" fillId="0" borderId="9" xfId="2" applyFont="1" applyBorder="1" applyAlignment="1">
      <alignment horizontal="center" vertical="center"/>
    </xf>
    <xf numFmtId="0" fontId="6" fillId="0" borderId="13" xfId="2" applyFont="1" applyBorder="1" applyAlignment="1">
      <alignment horizontal="center" vertical="center"/>
    </xf>
    <xf numFmtId="0" fontId="6" fillId="0" borderId="14" xfId="2" applyFont="1" applyBorder="1" applyAlignment="1">
      <alignment horizontal="center" vertical="center"/>
    </xf>
    <xf numFmtId="0" fontId="6" fillId="0" borderId="15" xfId="2" applyFont="1" applyBorder="1" applyAlignment="1">
      <alignment horizontal="center" vertical="center"/>
    </xf>
    <xf numFmtId="0" fontId="6" fillId="0" borderId="0" xfId="2" applyFont="1" applyAlignment="1">
      <alignment horizontal="left" vertical="center"/>
    </xf>
    <xf numFmtId="0" fontId="24" fillId="0" borderId="0" xfId="0" applyFont="1" applyBorder="1" applyAlignment="1">
      <alignment horizontal="left" vertical="top" wrapText="1"/>
    </xf>
    <xf numFmtId="0" fontId="22" fillId="0" borderId="0" xfId="0" applyFont="1" applyAlignment="1">
      <alignment horizontal="center" vertical="center"/>
    </xf>
    <xf numFmtId="0" fontId="24" fillId="0" borderId="0" xfId="0" applyFont="1" applyBorder="1" applyAlignment="1">
      <alignment horizontal="left" vertical="top"/>
    </xf>
    <xf numFmtId="0" fontId="18" fillId="0" borderId="0" xfId="2" applyFont="1" applyAlignment="1">
      <alignment horizontal="center" vertical="center"/>
    </xf>
    <xf numFmtId="0" fontId="16" fillId="0" borderId="0" xfId="2" applyFont="1" applyAlignment="1">
      <alignment horizontal="center" vertical="center"/>
    </xf>
    <xf numFmtId="0" fontId="15" fillId="0" borderId="0" xfId="2" applyFont="1" applyAlignment="1">
      <alignment horizontal="center" vertical="center"/>
    </xf>
    <xf numFmtId="0" fontId="15" fillId="0" borderId="1" xfId="2" applyFont="1" applyBorder="1" applyAlignment="1">
      <alignment horizontal="center" vertical="center"/>
    </xf>
    <xf numFmtId="0" fontId="15" fillId="0" borderId="2" xfId="2" applyFont="1" applyBorder="1" applyAlignment="1">
      <alignment horizontal="center" vertical="center"/>
    </xf>
    <xf numFmtId="0" fontId="15" fillId="0" borderId="3" xfId="2" applyFont="1" applyBorder="1" applyAlignment="1">
      <alignment horizontal="center" vertical="center"/>
    </xf>
    <xf numFmtId="0" fontId="15" fillId="0" borderId="7" xfId="2" applyFont="1" applyBorder="1" applyAlignment="1">
      <alignment horizontal="center" vertical="center"/>
    </xf>
    <xf numFmtId="0" fontId="15" fillId="0" borderId="8" xfId="2" applyFont="1" applyBorder="1" applyAlignment="1">
      <alignment horizontal="center" vertical="center"/>
    </xf>
    <xf numFmtId="0" fontId="15" fillId="0" borderId="9" xfId="2" applyFont="1" applyBorder="1" applyAlignment="1">
      <alignment horizontal="center" vertical="center"/>
    </xf>
    <xf numFmtId="0" fontId="15" fillId="0" borderId="11" xfId="2" applyFont="1" applyBorder="1" applyAlignment="1">
      <alignment horizontal="center" vertical="center"/>
    </xf>
    <xf numFmtId="0" fontId="15" fillId="0" borderId="12" xfId="2" applyFont="1" applyBorder="1" applyAlignment="1">
      <alignment horizontal="center" vertical="center"/>
    </xf>
    <xf numFmtId="0" fontId="15" fillId="0" borderId="13" xfId="2" applyFont="1" applyBorder="1" applyAlignment="1">
      <alignment horizontal="center" vertical="center"/>
    </xf>
    <xf numFmtId="0" fontId="15" fillId="0" borderId="14" xfId="2" applyFont="1" applyBorder="1" applyAlignment="1">
      <alignment horizontal="center" vertical="center"/>
    </xf>
    <xf numFmtId="0" fontId="15" fillId="0" borderId="15" xfId="2" applyFont="1" applyBorder="1" applyAlignment="1">
      <alignment horizontal="center" vertical="center"/>
    </xf>
    <xf numFmtId="0" fontId="15" fillId="0" borderId="11" xfId="2" applyFont="1" applyBorder="1" applyAlignment="1">
      <alignment horizontal="center" vertical="center" wrapText="1"/>
    </xf>
    <xf numFmtId="0" fontId="15" fillId="0" borderId="12" xfId="2" applyFont="1" applyBorder="1" applyAlignment="1">
      <alignment horizontal="center" vertical="center" wrapText="1"/>
    </xf>
    <xf numFmtId="0" fontId="15" fillId="0" borderId="10" xfId="2" applyFont="1" applyBorder="1" applyAlignment="1">
      <alignment horizontal="left" vertical="center"/>
    </xf>
    <xf numFmtId="0" fontId="15" fillId="0" borderId="10" xfId="2" applyFont="1" applyBorder="1" applyAlignment="1">
      <alignment horizontal="center" vertical="center"/>
    </xf>
  </cellXfs>
  <cellStyles count="8">
    <cellStyle name="標準" xfId="0" builtinId="0"/>
    <cellStyle name="標準 2" xfId="1" xr:uid="{00000000-0005-0000-0000-000001000000}"/>
    <cellStyle name="標準 2 2" xfId="2" xr:uid="{00000000-0005-0000-0000-000002000000}"/>
    <cellStyle name="標準 3" xfId="3" xr:uid="{00000000-0005-0000-0000-000003000000}"/>
    <cellStyle name="標準 4" xfId="4" xr:uid="{00000000-0005-0000-0000-000004000000}"/>
    <cellStyle name="標準 4 2" xfId="5" xr:uid="{00000000-0005-0000-0000-000005000000}"/>
    <cellStyle name="標準 5 2" xfId="6" xr:uid="{00000000-0005-0000-0000-000006000000}"/>
    <cellStyle name="標準 6 2" xfId="7" xr:uid="{00000000-0005-0000-0000-000007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1.xml"/><Relationship Id="rId13" Type="http://schemas.openxmlformats.org/officeDocument/2006/relationships/externalLink" Target="externalLinks/externalLink6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externalLink" Target="externalLinks/externalLink5.xml"/><Relationship Id="rId2" Type="http://schemas.openxmlformats.org/officeDocument/2006/relationships/worksheet" Target="worksheets/sheet2.xml"/><Relationship Id="rId16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4.xml"/><Relationship Id="rId5" Type="http://schemas.openxmlformats.org/officeDocument/2006/relationships/worksheet" Target="worksheets/sheet5.xml"/><Relationship Id="rId15" Type="http://schemas.openxmlformats.org/officeDocument/2006/relationships/styles" Target="styles.xml"/><Relationship Id="rId10" Type="http://schemas.openxmlformats.org/officeDocument/2006/relationships/externalLink" Target="externalLinks/externalLink3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2.xml"/><Relationship Id="rId1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0000SV0NS101\B24000w$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0000SV0NS101\B24000w$\Users\i4521153\Desktop\&#26032;&#20844;&#20250;&#35336;\20210824\&#36001;&#21209;&#35576;&#34920;&#31561;&#20316;&#25104;&#12510;&#12463;&#1252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0000SV0NS101\B24000w$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配布ファイル作成"/>
      <sheetName val="Sheet1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純資産変動計算書（本表））"/>
      <sheetName val="雛型（キャッシュフロー計算書（本表））"/>
      <sheetName val="雛型（引当金明細表（本表））"/>
      <sheetName val="雛型（有形固定資産等明細表（本表））"/>
      <sheetName val="雛型（貸借対照表（概要版））"/>
      <sheetName val="雛型（行政コスト計算書（概要版））"/>
      <sheetName val="雛型（キャッシュフロー計算書（概要版））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7">
    <pageSetUpPr fitToPage="1"/>
  </sheetPr>
  <dimension ref="A1:T200"/>
  <sheetViews>
    <sheetView showGridLines="0" tabSelected="1" view="pageBreakPreview" zoomScale="60" zoomScaleNormal="60" workbookViewId="0"/>
  </sheetViews>
  <sheetFormatPr defaultColWidth="8.8984375" defaultRowHeight="22.5" customHeight="1" x14ac:dyDescent="0.45"/>
  <cols>
    <col min="1" max="1" width="7.09765625" style="1" customWidth="1"/>
    <col min="2" max="7" width="3.69921875" style="1" customWidth="1"/>
    <col min="8" max="8" width="21.3984375" style="1" customWidth="1"/>
    <col min="9" max="9" width="34.09765625" style="1" customWidth="1"/>
    <col min="10" max="10" width="1.09765625" style="1" customWidth="1"/>
    <col min="11" max="16" width="3.69921875" style="1" customWidth="1"/>
    <col min="17" max="17" width="21.3984375" style="1" customWidth="1"/>
    <col min="18" max="18" width="34.09765625" style="1" customWidth="1"/>
    <col min="19" max="19" width="1.09765625" style="1" customWidth="1"/>
    <col min="20" max="20" width="7.09765625" style="1" customWidth="1"/>
    <col min="21" max="16384" width="8.8984375" style="1"/>
  </cols>
  <sheetData>
    <row r="1" spans="1:20" ht="22.5" customHeight="1" x14ac:dyDescent="0.45">
      <c r="B1" s="2" t="s">
        <v>12</v>
      </c>
    </row>
    <row r="2" spans="1:20" ht="22.5" customHeight="1" x14ac:dyDescent="0.45">
      <c r="B2" s="2" t="s">
        <v>74</v>
      </c>
    </row>
    <row r="3" spans="1:20" ht="22.5" customHeight="1" x14ac:dyDescent="0.45">
      <c r="B3" s="2"/>
    </row>
    <row r="4" spans="1:20" ht="22.5" customHeight="1" x14ac:dyDescent="0.45">
      <c r="A4" s="3"/>
      <c r="B4" s="4"/>
      <c r="C4" s="4"/>
      <c r="D4" s="4"/>
      <c r="E4" s="4"/>
      <c r="F4" s="4"/>
      <c r="G4" s="4"/>
      <c r="H4" s="4"/>
      <c r="I4" s="4"/>
      <c r="J4" s="4"/>
      <c r="K4" s="4"/>
      <c r="L4" s="4"/>
      <c r="M4" s="4"/>
      <c r="N4" s="4"/>
      <c r="O4" s="4"/>
      <c r="P4" s="4"/>
      <c r="Q4" s="4"/>
      <c r="R4" s="4"/>
      <c r="S4" s="4"/>
      <c r="T4" s="5"/>
    </row>
    <row r="5" spans="1:20" ht="22.5" customHeight="1" x14ac:dyDescent="0.2">
      <c r="A5" s="6"/>
      <c r="B5" s="7"/>
      <c r="C5" s="8"/>
      <c r="D5" s="8"/>
      <c r="E5" s="8"/>
      <c r="F5" s="8"/>
      <c r="G5" s="8"/>
      <c r="H5" s="8"/>
      <c r="I5" s="8"/>
      <c r="J5" s="8"/>
      <c r="K5" s="8"/>
      <c r="L5" s="8"/>
      <c r="M5" s="8"/>
      <c r="N5" s="8"/>
      <c r="O5" s="8"/>
      <c r="P5" s="8"/>
      <c r="Q5" s="8"/>
      <c r="R5" s="8"/>
      <c r="S5" s="8"/>
      <c r="T5" s="9"/>
    </row>
    <row r="6" spans="1:20" ht="28.2" x14ac:dyDescent="0.35">
      <c r="A6" s="6"/>
      <c r="B6" s="136" t="s">
        <v>0</v>
      </c>
      <c r="C6" s="136"/>
      <c r="D6" s="136"/>
      <c r="E6" s="136"/>
      <c r="F6" s="136"/>
      <c r="G6" s="136"/>
      <c r="H6" s="136"/>
      <c r="I6" s="136"/>
      <c r="J6" s="136"/>
      <c r="K6" s="136"/>
      <c r="L6" s="136"/>
      <c r="M6" s="136"/>
      <c r="N6" s="136"/>
      <c r="O6" s="136"/>
      <c r="P6" s="136"/>
      <c r="Q6" s="136"/>
      <c r="R6" s="136"/>
      <c r="S6" s="10"/>
      <c r="T6" s="9"/>
    </row>
    <row r="7" spans="1:20" ht="22.5" customHeight="1" x14ac:dyDescent="0.45">
      <c r="A7" s="6"/>
      <c r="B7" s="137" t="s">
        <v>73</v>
      </c>
      <c r="C7" s="137"/>
      <c r="D7" s="137"/>
      <c r="E7" s="137"/>
      <c r="F7" s="137"/>
      <c r="G7" s="137"/>
      <c r="H7" s="137"/>
      <c r="I7" s="137"/>
      <c r="J7" s="137"/>
      <c r="K7" s="137"/>
      <c r="L7" s="137"/>
      <c r="M7" s="137"/>
      <c r="N7" s="137"/>
      <c r="O7" s="137"/>
      <c r="P7" s="137"/>
      <c r="Q7" s="137"/>
      <c r="R7" s="137"/>
      <c r="S7" s="11"/>
      <c r="T7" s="9"/>
    </row>
    <row r="8" spans="1:20" ht="22.5" hidden="1" customHeight="1" x14ac:dyDescent="0.45">
      <c r="A8" s="6"/>
      <c r="B8" s="12"/>
      <c r="C8" s="12"/>
      <c r="D8" s="12"/>
      <c r="E8" s="12"/>
      <c r="F8" s="12"/>
      <c r="G8" s="12"/>
      <c r="H8" s="12"/>
      <c r="I8" s="12"/>
      <c r="J8" s="12"/>
      <c r="K8" s="12"/>
      <c r="L8" s="12"/>
      <c r="M8" s="12"/>
      <c r="N8" s="12"/>
      <c r="O8" s="12"/>
      <c r="P8" s="12"/>
      <c r="Q8" s="12"/>
      <c r="R8" s="12"/>
      <c r="S8" s="12"/>
      <c r="T8" s="9"/>
    </row>
    <row r="9" spans="1:20" ht="22.5" hidden="1" customHeight="1" x14ac:dyDescent="0.45">
      <c r="A9" s="6"/>
      <c r="B9" s="138"/>
      <c r="C9" s="138"/>
      <c r="D9" s="138"/>
      <c r="E9" s="12"/>
      <c r="F9" s="12"/>
      <c r="G9" s="12"/>
      <c r="H9" s="12"/>
      <c r="I9" s="12"/>
      <c r="J9" s="139"/>
      <c r="K9" s="139"/>
      <c r="L9" s="139"/>
      <c r="M9" s="139"/>
      <c r="N9" s="140"/>
      <c r="O9" s="140"/>
      <c r="P9" s="140"/>
      <c r="Q9" s="7"/>
      <c r="R9" s="12"/>
      <c r="S9" s="12"/>
      <c r="T9" s="9"/>
    </row>
    <row r="10" spans="1:20" ht="22.5" hidden="1" customHeight="1" x14ac:dyDescent="0.45">
      <c r="A10" s="6"/>
      <c r="B10" s="12"/>
      <c r="C10" s="12"/>
      <c r="D10" s="12"/>
      <c r="E10" s="12"/>
      <c r="F10" s="12"/>
      <c r="G10" s="12"/>
      <c r="H10" s="12"/>
      <c r="I10" s="12"/>
      <c r="J10" s="139"/>
      <c r="K10" s="139"/>
      <c r="L10" s="139"/>
      <c r="M10" s="139"/>
      <c r="N10" s="140"/>
      <c r="O10" s="140"/>
      <c r="P10" s="140"/>
      <c r="Q10" s="13"/>
      <c r="R10" s="12"/>
      <c r="S10" s="12"/>
      <c r="T10" s="9"/>
    </row>
    <row r="11" spans="1:20" ht="22.5" hidden="1" customHeight="1" x14ac:dyDescent="0.45">
      <c r="A11" s="6"/>
      <c r="B11" s="12"/>
      <c r="C11" s="12"/>
      <c r="D11" s="12"/>
      <c r="E11" s="12"/>
      <c r="F11" s="12"/>
      <c r="G11" s="12"/>
      <c r="H11" s="12"/>
      <c r="I11" s="12"/>
      <c r="J11" s="139"/>
      <c r="K11" s="139"/>
      <c r="L11" s="139"/>
      <c r="M11" s="139"/>
      <c r="N11" s="140"/>
      <c r="O11" s="140"/>
      <c r="P11" s="140"/>
      <c r="Q11" s="7"/>
      <c r="R11" s="12"/>
      <c r="S11" s="12"/>
      <c r="T11" s="9"/>
    </row>
    <row r="12" spans="1:20" ht="22.5" hidden="1" customHeight="1" x14ac:dyDescent="0.45">
      <c r="A12" s="6"/>
      <c r="B12" s="12"/>
      <c r="C12" s="12"/>
      <c r="D12" s="12"/>
      <c r="E12" s="12"/>
      <c r="F12" s="12"/>
      <c r="G12" s="12"/>
      <c r="H12" s="12"/>
      <c r="I12" s="12"/>
      <c r="J12" s="139"/>
      <c r="K12" s="139"/>
      <c r="L12" s="139"/>
      <c r="M12" s="139"/>
      <c r="N12" s="140"/>
      <c r="O12" s="140"/>
      <c r="P12" s="140"/>
      <c r="Q12" s="13"/>
      <c r="R12" s="12"/>
      <c r="S12" s="12"/>
      <c r="T12" s="9"/>
    </row>
    <row r="13" spans="1:20" ht="22.5" hidden="1" customHeight="1" x14ac:dyDescent="0.45">
      <c r="A13" s="6"/>
      <c r="B13" s="12"/>
      <c r="C13" s="12"/>
      <c r="D13" s="12"/>
      <c r="E13" s="12"/>
      <c r="F13" s="12"/>
      <c r="G13" s="12"/>
      <c r="H13" s="12"/>
      <c r="I13" s="12"/>
      <c r="J13" s="139"/>
      <c r="K13" s="139"/>
      <c r="L13" s="139"/>
      <c r="M13" s="139"/>
      <c r="N13" s="140" t="s">
        <v>1</v>
      </c>
      <c r="O13" s="140"/>
      <c r="P13" s="140"/>
      <c r="Q13" s="13"/>
      <c r="R13" s="12"/>
      <c r="S13" s="12"/>
      <c r="T13" s="9"/>
    </row>
    <row r="14" spans="1:20" ht="22.5" customHeight="1" x14ac:dyDescent="0.45">
      <c r="A14" s="6"/>
      <c r="B14" s="12"/>
      <c r="C14" s="12"/>
      <c r="D14" s="12"/>
      <c r="E14" s="12"/>
      <c r="F14" s="12"/>
      <c r="G14" s="12"/>
      <c r="H14" s="12"/>
      <c r="I14" s="12"/>
      <c r="J14" s="12"/>
      <c r="K14" s="138"/>
      <c r="L14" s="138"/>
      <c r="M14" s="138"/>
      <c r="N14" s="141" t="s">
        <v>1</v>
      </c>
      <c r="O14" s="141"/>
      <c r="P14" s="141"/>
      <c r="Q14" s="13"/>
      <c r="R14" s="12"/>
      <c r="S14" s="12"/>
      <c r="T14" s="9"/>
    </row>
    <row r="15" spans="1:20" ht="19.2" x14ac:dyDescent="0.45">
      <c r="A15" s="6"/>
      <c r="B15" s="142"/>
      <c r="C15" s="142"/>
      <c r="D15" s="142"/>
      <c r="E15" s="7"/>
      <c r="F15" s="14"/>
      <c r="G15" s="7"/>
      <c r="H15" s="7"/>
      <c r="I15" s="7"/>
      <c r="J15" s="7"/>
      <c r="K15" s="7"/>
      <c r="L15" s="7"/>
      <c r="M15" s="7"/>
      <c r="N15" s="7"/>
      <c r="O15" s="7"/>
      <c r="P15" s="7"/>
      <c r="Q15" s="7"/>
      <c r="R15" s="15" t="s">
        <v>2</v>
      </c>
      <c r="S15" s="16"/>
      <c r="T15" s="9"/>
    </row>
    <row r="16" spans="1:20" ht="22.5" customHeight="1" x14ac:dyDescent="0.45">
      <c r="A16" s="17"/>
      <c r="B16" s="31" t="s">
        <v>75</v>
      </c>
      <c r="C16" s="18"/>
      <c r="D16" s="18"/>
      <c r="E16" s="19"/>
      <c r="F16" s="18"/>
      <c r="G16" s="18"/>
      <c r="H16" s="18"/>
      <c r="I16" s="20"/>
      <c r="J16" s="21"/>
      <c r="K16" s="108" t="s">
        <v>95</v>
      </c>
      <c r="L16" s="18"/>
      <c r="M16" s="18"/>
      <c r="N16" s="18"/>
      <c r="O16" s="18"/>
      <c r="P16" s="18"/>
      <c r="Q16" s="18"/>
      <c r="R16" s="20"/>
      <c r="S16" s="22"/>
      <c r="T16" s="9"/>
    </row>
    <row r="17" spans="1:20" ht="22.5" customHeight="1" x14ac:dyDescent="0.45">
      <c r="A17" s="6"/>
      <c r="B17" s="32"/>
      <c r="C17" s="23" t="s">
        <v>76</v>
      </c>
      <c r="D17" s="23"/>
      <c r="E17" s="23"/>
      <c r="F17" s="23"/>
      <c r="G17" s="23"/>
      <c r="H17" s="23"/>
      <c r="I17" s="24">
        <v>0</v>
      </c>
      <c r="J17" s="34"/>
      <c r="K17" s="32"/>
      <c r="L17" s="25" t="s">
        <v>96</v>
      </c>
      <c r="M17" s="23"/>
      <c r="N17" s="23"/>
      <c r="O17" s="23"/>
      <c r="P17" s="23"/>
      <c r="Q17" s="23"/>
      <c r="R17" s="24">
        <v>22950926</v>
      </c>
      <c r="S17" s="109"/>
      <c r="T17" s="9"/>
    </row>
    <row r="18" spans="1:20" ht="22.5" customHeight="1" x14ac:dyDescent="0.45">
      <c r="A18" s="6"/>
      <c r="B18" s="32"/>
      <c r="C18" s="23"/>
      <c r="D18" s="23" t="s">
        <v>77</v>
      </c>
      <c r="E18" s="23"/>
      <c r="F18" s="23"/>
      <c r="G18" s="23"/>
      <c r="H18" s="23"/>
      <c r="I18" s="24">
        <v>0</v>
      </c>
      <c r="J18" s="34"/>
      <c r="K18" s="32"/>
      <c r="L18" s="23"/>
      <c r="M18" s="23" t="s">
        <v>97</v>
      </c>
      <c r="N18" s="23"/>
      <c r="O18" s="23"/>
      <c r="P18" s="23"/>
      <c r="Q18" s="23"/>
      <c r="R18" s="24">
        <v>0</v>
      </c>
      <c r="S18" s="109"/>
      <c r="T18" s="9"/>
    </row>
    <row r="19" spans="1:20" ht="22.5" customHeight="1" x14ac:dyDescent="0.45">
      <c r="A19" s="6"/>
      <c r="B19" s="32"/>
      <c r="C19" s="23"/>
      <c r="D19" s="23"/>
      <c r="E19" s="23" t="s">
        <v>78</v>
      </c>
      <c r="F19" s="23"/>
      <c r="G19" s="23"/>
      <c r="H19" s="23"/>
      <c r="I19" s="24">
        <v>0</v>
      </c>
      <c r="J19" s="34"/>
      <c r="K19" s="32"/>
      <c r="L19" s="23"/>
      <c r="M19" s="23" t="s">
        <v>98</v>
      </c>
      <c r="N19" s="23"/>
      <c r="O19" s="23"/>
      <c r="P19" s="23"/>
      <c r="Q19" s="23"/>
      <c r="R19" s="24">
        <v>0</v>
      </c>
      <c r="S19" s="109"/>
      <c r="T19" s="9"/>
    </row>
    <row r="20" spans="1:20" ht="22.5" customHeight="1" x14ac:dyDescent="0.45">
      <c r="A20" s="6"/>
      <c r="B20" s="32"/>
      <c r="C20" s="23"/>
      <c r="D20" s="23"/>
      <c r="E20" s="23" t="s">
        <v>79</v>
      </c>
      <c r="F20" s="23"/>
      <c r="G20" s="23"/>
      <c r="H20" s="23"/>
      <c r="I20" s="24">
        <v>0</v>
      </c>
      <c r="J20" s="34"/>
      <c r="K20" s="32"/>
      <c r="L20" s="23"/>
      <c r="M20" s="23"/>
      <c r="N20" s="23" t="s">
        <v>99</v>
      </c>
      <c r="O20" s="23"/>
      <c r="P20" s="23"/>
      <c r="Q20" s="23"/>
      <c r="R20" s="24">
        <v>0</v>
      </c>
      <c r="S20" s="109"/>
      <c r="T20" s="9"/>
    </row>
    <row r="21" spans="1:20" ht="22.5" customHeight="1" x14ac:dyDescent="0.45">
      <c r="A21" s="6"/>
      <c r="B21" s="32"/>
      <c r="C21" s="23"/>
      <c r="D21" s="23" t="s">
        <v>80</v>
      </c>
      <c r="E21" s="23"/>
      <c r="F21" s="23"/>
      <c r="G21" s="23"/>
      <c r="H21" s="23"/>
      <c r="I21" s="24">
        <v>0</v>
      </c>
      <c r="J21" s="34"/>
      <c r="K21" s="32"/>
      <c r="L21" s="23"/>
      <c r="M21" s="23"/>
      <c r="N21" s="23" t="s">
        <v>100</v>
      </c>
      <c r="O21" s="23"/>
      <c r="P21" s="23"/>
      <c r="Q21" s="23"/>
      <c r="R21" s="24">
        <v>0</v>
      </c>
      <c r="S21" s="109"/>
      <c r="T21" s="9"/>
    </row>
    <row r="22" spans="1:20" ht="22.5" customHeight="1" x14ac:dyDescent="0.45">
      <c r="A22" s="6"/>
      <c r="B22" s="32"/>
      <c r="C22" s="23"/>
      <c r="D22" s="23" t="s">
        <v>81</v>
      </c>
      <c r="E22" s="23"/>
      <c r="F22" s="23"/>
      <c r="G22" s="23"/>
      <c r="H22" s="23"/>
      <c r="I22" s="24">
        <v>0</v>
      </c>
      <c r="J22" s="34"/>
      <c r="K22" s="32"/>
      <c r="L22" s="23"/>
      <c r="M22" s="23" t="s">
        <v>69</v>
      </c>
      <c r="N22" s="23"/>
      <c r="O22" s="23"/>
      <c r="P22" s="23"/>
      <c r="Q22" s="23"/>
      <c r="R22" s="24">
        <v>22950926</v>
      </c>
      <c r="S22" s="109"/>
      <c r="T22" s="9"/>
    </row>
    <row r="23" spans="1:20" ht="22.5" customHeight="1" x14ac:dyDescent="0.45">
      <c r="A23" s="6"/>
      <c r="B23" s="32"/>
      <c r="C23" s="23"/>
      <c r="D23" s="23" t="s">
        <v>82</v>
      </c>
      <c r="E23" s="23"/>
      <c r="F23" s="23"/>
      <c r="G23" s="23"/>
      <c r="H23" s="23"/>
      <c r="I23" s="24">
        <v>0</v>
      </c>
      <c r="J23" s="34"/>
      <c r="K23" s="32"/>
      <c r="L23" s="23"/>
      <c r="M23" s="23" t="s">
        <v>101</v>
      </c>
      <c r="N23" s="23"/>
      <c r="O23" s="23"/>
      <c r="P23" s="23"/>
      <c r="Q23" s="23"/>
      <c r="R23" s="24">
        <v>0</v>
      </c>
      <c r="S23" s="109"/>
      <c r="T23" s="9"/>
    </row>
    <row r="24" spans="1:20" ht="22.5" customHeight="1" x14ac:dyDescent="0.45">
      <c r="A24" s="6"/>
      <c r="B24" s="32"/>
      <c r="C24" s="23"/>
      <c r="D24" s="23"/>
      <c r="E24" s="23" t="s">
        <v>83</v>
      </c>
      <c r="F24" s="23"/>
      <c r="G24" s="23"/>
      <c r="H24" s="23"/>
      <c r="I24" s="24">
        <v>0</v>
      </c>
      <c r="J24" s="34"/>
      <c r="K24" s="32"/>
      <c r="L24" s="23"/>
      <c r="M24" s="23" t="s">
        <v>102</v>
      </c>
      <c r="N24" s="23"/>
      <c r="O24" s="23"/>
      <c r="P24" s="23"/>
      <c r="Q24" s="23"/>
      <c r="R24" s="24">
        <v>0</v>
      </c>
      <c r="S24" s="109"/>
      <c r="T24" s="9"/>
    </row>
    <row r="25" spans="1:20" ht="22.5" customHeight="1" x14ac:dyDescent="0.45">
      <c r="A25" s="6"/>
      <c r="B25" s="32"/>
      <c r="C25" s="23"/>
      <c r="D25" s="23"/>
      <c r="E25" s="23" t="s">
        <v>84</v>
      </c>
      <c r="F25" s="23"/>
      <c r="G25" s="23"/>
      <c r="H25" s="23"/>
      <c r="I25" s="24">
        <v>0</v>
      </c>
      <c r="J25" s="34"/>
      <c r="K25" s="32"/>
      <c r="L25" s="23"/>
      <c r="M25" s="23" t="s">
        <v>103</v>
      </c>
      <c r="N25" s="23"/>
      <c r="O25" s="23"/>
      <c r="P25" s="23"/>
      <c r="Q25" s="23"/>
      <c r="R25" s="24">
        <v>0</v>
      </c>
      <c r="S25" s="109"/>
      <c r="T25" s="9"/>
    </row>
    <row r="26" spans="1:20" ht="22.5" customHeight="1" x14ac:dyDescent="0.45">
      <c r="A26" s="6"/>
      <c r="B26" s="32"/>
      <c r="C26" s="23"/>
      <c r="D26" s="23" t="s">
        <v>81</v>
      </c>
      <c r="E26" s="23"/>
      <c r="F26" s="23"/>
      <c r="G26" s="23"/>
      <c r="H26" s="23"/>
      <c r="I26" s="24">
        <v>0</v>
      </c>
      <c r="J26" s="34"/>
      <c r="K26" s="32"/>
      <c r="L26" s="23"/>
      <c r="M26" s="23" t="s">
        <v>104</v>
      </c>
      <c r="N26" s="23"/>
      <c r="O26" s="23"/>
      <c r="P26" s="23"/>
      <c r="Q26" s="23"/>
      <c r="R26" s="24">
        <v>0</v>
      </c>
      <c r="S26" s="109"/>
      <c r="T26" s="9"/>
    </row>
    <row r="27" spans="1:20" ht="22.5" customHeight="1" x14ac:dyDescent="0.45">
      <c r="A27" s="6"/>
      <c r="B27" s="32"/>
      <c r="C27" s="23"/>
      <c r="D27" s="23" t="s">
        <v>85</v>
      </c>
      <c r="E27" s="23"/>
      <c r="F27" s="23"/>
      <c r="G27" s="23"/>
      <c r="H27" s="23"/>
      <c r="I27" s="24">
        <v>0</v>
      </c>
      <c r="J27" s="34"/>
      <c r="K27" s="32"/>
      <c r="L27" s="23" t="s">
        <v>105</v>
      </c>
      <c r="M27" s="23"/>
      <c r="N27" s="23"/>
      <c r="O27" s="23"/>
      <c r="P27" s="23"/>
      <c r="Q27" s="23"/>
      <c r="R27" s="24">
        <v>195546494</v>
      </c>
      <c r="S27" s="109"/>
      <c r="T27" s="9"/>
    </row>
    <row r="28" spans="1:20" ht="22.5" customHeight="1" x14ac:dyDescent="0.45">
      <c r="A28" s="6"/>
      <c r="B28" s="32"/>
      <c r="C28" s="23"/>
      <c r="D28" s="23" t="s">
        <v>81</v>
      </c>
      <c r="E28" s="23"/>
      <c r="F28" s="23"/>
      <c r="G28" s="23"/>
      <c r="H28" s="23"/>
      <c r="I28" s="24">
        <v>0</v>
      </c>
      <c r="J28" s="34"/>
      <c r="K28" s="32"/>
      <c r="L28" s="23"/>
      <c r="M28" s="23" t="s">
        <v>97</v>
      </c>
      <c r="N28" s="23"/>
      <c r="O28" s="23"/>
      <c r="P28" s="23"/>
      <c r="Q28" s="23"/>
      <c r="R28" s="24">
        <v>0</v>
      </c>
      <c r="S28" s="109"/>
      <c r="T28" s="9"/>
    </row>
    <row r="29" spans="1:20" ht="22.5" customHeight="1" x14ac:dyDescent="0.45">
      <c r="A29" s="6"/>
      <c r="B29" s="32"/>
      <c r="C29" s="23"/>
      <c r="D29" s="23" t="s">
        <v>86</v>
      </c>
      <c r="E29" s="23"/>
      <c r="F29" s="23"/>
      <c r="G29" s="23"/>
      <c r="H29" s="23"/>
      <c r="I29" s="24">
        <v>0</v>
      </c>
      <c r="J29" s="34"/>
      <c r="K29" s="32"/>
      <c r="L29" s="23"/>
      <c r="M29" s="23" t="s">
        <v>106</v>
      </c>
      <c r="N29" s="23"/>
      <c r="O29" s="23"/>
      <c r="P29" s="23"/>
      <c r="Q29" s="23"/>
      <c r="R29" s="24">
        <v>0</v>
      </c>
      <c r="S29" s="109"/>
      <c r="T29" s="9"/>
    </row>
    <row r="30" spans="1:20" ht="22.5" customHeight="1" x14ac:dyDescent="0.45">
      <c r="A30" s="6"/>
      <c r="B30" s="32"/>
      <c r="C30" s="23" t="s">
        <v>87</v>
      </c>
      <c r="D30" s="23"/>
      <c r="E30" s="23"/>
      <c r="F30" s="23"/>
      <c r="G30" s="23"/>
      <c r="H30" s="23"/>
      <c r="I30" s="24">
        <v>0</v>
      </c>
      <c r="J30" s="34"/>
      <c r="K30" s="32"/>
      <c r="L30" s="23"/>
      <c r="M30" s="23"/>
      <c r="N30" s="23" t="s">
        <v>99</v>
      </c>
      <c r="O30" s="23"/>
      <c r="P30" s="23"/>
      <c r="Q30" s="23"/>
      <c r="R30" s="24">
        <v>0</v>
      </c>
      <c r="S30" s="109"/>
      <c r="T30" s="9"/>
    </row>
    <row r="31" spans="1:20" ht="22.5" customHeight="1" x14ac:dyDescent="0.45">
      <c r="A31" s="6"/>
      <c r="B31" s="32"/>
      <c r="C31" s="23"/>
      <c r="D31" s="23" t="s">
        <v>37</v>
      </c>
      <c r="E31" s="23"/>
      <c r="F31" s="23"/>
      <c r="G31" s="23"/>
      <c r="H31" s="23"/>
      <c r="I31" s="24">
        <v>0</v>
      </c>
      <c r="J31" s="34"/>
      <c r="K31" s="32"/>
      <c r="L31" s="23"/>
      <c r="M31" s="23"/>
      <c r="N31" s="23" t="s">
        <v>107</v>
      </c>
      <c r="O31" s="23"/>
      <c r="P31" s="23"/>
      <c r="Q31" s="23"/>
      <c r="R31" s="24">
        <v>0</v>
      </c>
      <c r="S31" s="109"/>
      <c r="T31" s="9"/>
    </row>
    <row r="32" spans="1:20" ht="22.5" customHeight="1" x14ac:dyDescent="0.45">
      <c r="A32" s="6"/>
      <c r="B32" s="32"/>
      <c r="C32" s="23"/>
      <c r="D32" s="23"/>
      <c r="E32" s="23" t="s">
        <v>38</v>
      </c>
      <c r="F32" s="23"/>
      <c r="G32" s="23"/>
      <c r="H32" s="23"/>
      <c r="I32" s="24">
        <v>0</v>
      </c>
      <c r="J32" s="34"/>
      <c r="K32" s="32"/>
      <c r="L32" s="23"/>
      <c r="M32" s="23" t="s">
        <v>70</v>
      </c>
      <c r="N32" s="23"/>
      <c r="O32" s="23"/>
      <c r="P32" s="23"/>
      <c r="Q32" s="23"/>
      <c r="R32" s="24">
        <v>195546494</v>
      </c>
      <c r="S32" s="109"/>
      <c r="T32" s="9"/>
    </row>
    <row r="33" spans="1:20" ht="22.5" customHeight="1" x14ac:dyDescent="0.45">
      <c r="A33" s="6"/>
      <c r="B33" s="32"/>
      <c r="C33" s="23"/>
      <c r="D33" s="23"/>
      <c r="E33" s="23"/>
      <c r="F33" s="23" t="s">
        <v>39</v>
      </c>
      <c r="G33" s="23"/>
      <c r="H33" s="23"/>
      <c r="I33" s="24">
        <v>0</v>
      </c>
      <c r="J33" s="34"/>
      <c r="K33" s="32"/>
      <c r="L33" s="23"/>
      <c r="M33" s="23" t="s">
        <v>71</v>
      </c>
      <c r="N33" s="23"/>
      <c r="O33" s="23"/>
      <c r="P33" s="23"/>
      <c r="Q33" s="23"/>
      <c r="R33" s="24">
        <v>0</v>
      </c>
      <c r="S33" s="109"/>
      <c r="T33" s="9"/>
    </row>
    <row r="34" spans="1:20" ht="22.5" customHeight="1" x14ac:dyDescent="0.45">
      <c r="A34" s="6"/>
      <c r="B34" s="32"/>
      <c r="C34" s="23"/>
      <c r="D34" s="23"/>
      <c r="E34" s="23"/>
      <c r="F34" s="23" t="s">
        <v>40</v>
      </c>
      <c r="G34" s="23"/>
      <c r="H34" s="23"/>
      <c r="I34" s="26">
        <v>0</v>
      </c>
      <c r="J34" s="34"/>
      <c r="K34" s="32"/>
      <c r="L34" s="23"/>
      <c r="M34" s="23" t="s">
        <v>108</v>
      </c>
      <c r="N34" s="23"/>
      <c r="O34" s="23"/>
      <c r="P34" s="23"/>
      <c r="Q34" s="23"/>
      <c r="R34" s="26">
        <v>0</v>
      </c>
      <c r="S34" s="110"/>
      <c r="T34" s="9"/>
    </row>
    <row r="35" spans="1:20" ht="22.5" customHeight="1" x14ac:dyDescent="0.45">
      <c r="A35" s="6"/>
      <c r="B35" s="32"/>
      <c r="C35" s="23"/>
      <c r="D35" s="23"/>
      <c r="E35" s="23"/>
      <c r="F35" s="23" t="s">
        <v>41</v>
      </c>
      <c r="G35" s="23"/>
      <c r="H35" s="23"/>
      <c r="I35" s="26">
        <v>0</v>
      </c>
      <c r="J35" s="34"/>
      <c r="K35" s="32"/>
      <c r="L35" s="23"/>
      <c r="M35" s="23" t="s">
        <v>103</v>
      </c>
      <c r="N35" s="23"/>
      <c r="O35" s="23"/>
      <c r="P35" s="23"/>
      <c r="Q35" s="23"/>
      <c r="R35" s="26">
        <v>0</v>
      </c>
      <c r="S35" s="110"/>
      <c r="T35" s="9"/>
    </row>
    <row r="36" spans="1:20" ht="22.5" customHeight="1" x14ac:dyDescent="0.45">
      <c r="A36" s="6"/>
      <c r="B36" s="32"/>
      <c r="C36" s="23"/>
      <c r="D36" s="23"/>
      <c r="E36" s="23"/>
      <c r="F36" s="23" t="s">
        <v>42</v>
      </c>
      <c r="G36" s="23"/>
      <c r="H36" s="23"/>
      <c r="I36" s="26">
        <v>0</v>
      </c>
      <c r="J36" s="34"/>
      <c r="K36" s="32"/>
      <c r="L36" s="23"/>
      <c r="M36" s="23" t="s">
        <v>109</v>
      </c>
      <c r="N36" s="23"/>
      <c r="O36" s="23"/>
      <c r="P36" s="23"/>
      <c r="Q36" s="23"/>
      <c r="R36" s="26">
        <v>0</v>
      </c>
      <c r="S36" s="110"/>
      <c r="T36" s="9"/>
    </row>
    <row r="37" spans="1:20" ht="22.5" customHeight="1" x14ac:dyDescent="0.45">
      <c r="A37" s="6"/>
      <c r="B37" s="32"/>
      <c r="C37" s="23"/>
      <c r="D37" s="23"/>
      <c r="E37" s="23"/>
      <c r="F37" s="23" t="s">
        <v>43</v>
      </c>
      <c r="G37" s="23"/>
      <c r="H37" s="23"/>
      <c r="I37" s="26">
        <v>0</v>
      </c>
      <c r="J37" s="34"/>
      <c r="K37" s="100" t="s">
        <v>110</v>
      </c>
      <c r="L37" s="101"/>
      <c r="M37" s="102"/>
      <c r="N37" s="102"/>
      <c r="O37" s="102"/>
      <c r="P37" s="102"/>
      <c r="Q37" s="102"/>
      <c r="R37" s="105">
        <v>218497420</v>
      </c>
      <c r="S37" s="106"/>
      <c r="T37" s="9"/>
    </row>
    <row r="38" spans="1:20" ht="22.5" customHeight="1" x14ac:dyDescent="0.45">
      <c r="A38" s="6"/>
      <c r="B38" s="32"/>
      <c r="C38" s="23"/>
      <c r="D38" s="23"/>
      <c r="E38" s="23"/>
      <c r="F38" s="23" t="s">
        <v>44</v>
      </c>
      <c r="G38" s="23"/>
      <c r="H38" s="23"/>
      <c r="I38" s="26">
        <v>0</v>
      </c>
      <c r="J38" s="34"/>
      <c r="K38" s="32" t="s">
        <v>111</v>
      </c>
      <c r="L38" s="23"/>
      <c r="M38" s="23"/>
      <c r="N38" s="23"/>
      <c r="O38" s="23"/>
      <c r="P38" s="23"/>
      <c r="Q38" s="23"/>
      <c r="R38" s="26"/>
      <c r="S38" s="110"/>
      <c r="T38" s="9"/>
    </row>
    <row r="39" spans="1:20" ht="22.5" customHeight="1" x14ac:dyDescent="0.45">
      <c r="A39" s="6"/>
      <c r="B39" s="32"/>
      <c r="C39" s="23"/>
      <c r="D39" s="23"/>
      <c r="E39" s="23"/>
      <c r="F39" s="23" t="s">
        <v>45</v>
      </c>
      <c r="G39" s="23"/>
      <c r="H39" s="23"/>
      <c r="I39" s="26">
        <v>0</v>
      </c>
      <c r="J39" s="34"/>
      <c r="K39" s="32"/>
      <c r="L39" s="23" t="s">
        <v>112</v>
      </c>
      <c r="M39" s="23"/>
      <c r="N39" s="23"/>
      <c r="O39" s="23"/>
      <c r="P39" s="23"/>
      <c r="Q39" s="23"/>
      <c r="R39" s="26">
        <v>-218497420</v>
      </c>
      <c r="S39" s="110"/>
      <c r="T39" s="9"/>
    </row>
    <row r="40" spans="1:20" ht="22.5" customHeight="1" x14ac:dyDescent="0.45">
      <c r="A40" s="6"/>
      <c r="B40" s="32"/>
      <c r="C40" s="23"/>
      <c r="D40" s="23"/>
      <c r="E40" s="23" t="s">
        <v>46</v>
      </c>
      <c r="F40" s="23"/>
      <c r="G40" s="23"/>
      <c r="H40" s="23"/>
      <c r="I40" s="26">
        <v>0</v>
      </c>
      <c r="J40" s="34"/>
      <c r="K40" s="32"/>
      <c r="L40" s="23" t="s">
        <v>113</v>
      </c>
      <c r="M40" s="23"/>
      <c r="N40" s="23"/>
      <c r="O40" s="23"/>
      <c r="P40" s="23"/>
      <c r="Q40" s="23"/>
      <c r="R40" s="26">
        <v>0</v>
      </c>
      <c r="S40" s="110"/>
      <c r="T40" s="9"/>
    </row>
    <row r="41" spans="1:20" ht="22.5" customHeight="1" x14ac:dyDescent="0.45">
      <c r="A41" s="6"/>
      <c r="B41" s="32"/>
      <c r="C41" s="23"/>
      <c r="D41" s="23"/>
      <c r="E41" s="23"/>
      <c r="F41" s="23" t="s">
        <v>47</v>
      </c>
      <c r="G41" s="23"/>
      <c r="H41" s="23"/>
      <c r="I41" s="26">
        <v>0</v>
      </c>
      <c r="J41" s="34"/>
      <c r="K41" s="32"/>
      <c r="L41" s="23"/>
      <c r="M41" s="23" t="s">
        <v>114</v>
      </c>
      <c r="N41" s="23"/>
      <c r="O41" s="23"/>
      <c r="P41" s="23"/>
      <c r="Q41" s="23"/>
      <c r="R41" s="26">
        <v>0</v>
      </c>
      <c r="S41" s="110"/>
      <c r="T41" s="9"/>
    </row>
    <row r="42" spans="1:20" ht="22.5" customHeight="1" x14ac:dyDescent="0.45">
      <c r="A42" s="6"/>
      <c r="B42" s="32"/>
      <c r="C42" s="23"/>
      <c r="D42" s="23"/>
      <c r="E42" s="23"/>
      <c r="F42" s="23" t="s">
        <v>48</v>
      </c>
      <c r="G42" s="23"/>
      <c r="H42" s="23"/>
      <c r="I42" s="26">
        <v>0</v>
      </c>
      <c r="J42" s="34"/>
      <c r="K42" s="32"/>
      <c r="L42" s="23"/>
      <c r="M42" s="23"/>
      <c r="N42" s="23"/>
      <c r="O42" s="23"/>
      <c r="P42" s="23"/>
      <c r="Q42" s="23"/>
      <c r="R42" s="26"/>
      <c r="S42" s="110"/>
      <c r="T42" s="9"/>
    </row>
    <row r="43" spans="1:20" ht="22.5" customHeight="1" x14ac:dyDescent="0.45">
      <c r="A43" s="6"/>
      <c r="B43" s="32"/>
      <c r="C43" s="23"/>
      <c r="D43" s="23" t="s">
        <v>49</v>
      </c>
      <c r="E43" s="23"/>
      <c r="F43" s="23"/>
      <c r="G43" s="23"/>
      <c r="H43" s="23"/>
      <c r="I43" s="26">
        <v>0</v>
      </c>
      <c r="J43" s="34"/>
      <c r="K43" s="32"/>
      <c r="L43" s="23"/>
      <c r="M43" s="23"/>
      <c r="N43" s="23"/>
      <c r="O43" s="23"/>
      <c r="P43" s="23"/>
      <c r="Q43" s="23"/>
      <c r="R43" s="26"/>
      <c r="S43" s="110"/>
      <c r="T43" s="9"/>
    </row>
    <row r="44" spans="1:20" ht="22.5" customHeight="1" x14ac:dyDescent="0.45">
      <c r="A44" s="6"/>
      <c r="B44" s="32"/>
      <c r="C44" s="23"/>
      <c r="D44" s="23"/>
      <c r="E44" s="23" t="s">
        <v>50</v>
      </c>
      <c r="F44" s="23"/>
      <c r="G44" s="23"/>
      <c r="H44" s="23"/>
      <c r="I44" s="26">
        <v>0</v>
      </c>
      <c r="J44" s="34"/>
      <c r="K44" s="32"/>
      <c r="L44" s="23"/>
      <c r="M44" s="23"/>
      <c r="N44" s="23"/>
      <c r="O44" s="23"/>
      <c r="P44" s="23"/>
      <c r="Q44" s="23"/>
      <c r="R44" s="26"/>
      <c r="S44" s="110"/>
      <c r="T44" s="9"/>
    </row>
    <row r="45" spans="1:20" ht="22.5" customHeight="1" x14ac:dyDescent="0.45">
      <c r="A45" s="6"/>
      <c r="B45" s="32"/>
      <c r="C45" s="23"/>
      <c r="D45" s="23"/>
      <c r="E45" s="23"/>
      <c r="F45" s="23" t="s">
        <v>39</v>
      </c>
      <c r="G45" s="23"/>
      <c r="H45" s="23"/>
      <c r="I45" s="26">
        <v>0</v>
      </c>
      <c r="J45" s="34"/>
      <c r="K45" s="32"/>
      <c r="L45" s="23"/>
      <c r="M45" s="23"/>
      <c r="N45" s="23"/>
      <c r="O45" s="23"/>
      <c r="P45" s="23"/>
      <c r="Q45" s="23"/>
      <c r="R45" s="26"/>
      <c r="S45" s="110"/>
      <c r="T45" s="9"/>
    </row>
    <row r="46" spans="1:20" ht="22.5" customHeight="1" x14ac:dyDescent="0.45">
      <c r="A46" s="6"/>
      <c r="B46" s="32"/>
      <c r="C46" s="23"/>
      <c r="D46" s="23"/>
      <c r="E46" s="23"/>
      <c r="F46" s="23" t="s">
        <v>40</v>
      </c>
      <c r="G46" s="23"/>
      <c r="H46" s="23"/>
      <c r="I46" s="26">
        <v>0</v>
      </c>
      <c r="J46" s="34"/>
      <c r="K46" s="32"/>
      <c r="L46" s="23"/>
      <c r="M46" s="23"/>
      <c r="N46" s="23"/>
      <c r="O46" s="23"/>
      <c r="P46" s="23"/>
      <c r="Q46" s="23"/>
      <c r="R46" s="26"/>
      <c r="S46" s="110"/>
      <c r="T46" s="9"/>
    </row>
    <row r="47" spans="1:20" ht="22.5" customHeight="1" x14ac:dyDescent="0.45">
      <c r="A47" s="6"/>
      <c r="B47" s="32"/>
      <c r="C47" s="23"/>
      <c r="D47" s="23"/>
      <c r="E47" s="23"/>
      <c r="F47" s="23" t="s">
        <v>41</v>
      </c>
      <c r="G47" s="23"/>
      <c r="H47" s="23"/>
      <c r="I47" s="26">
        <v>0</v>
      </c>
      <c r="J47" s="34"/>
      <c r="K47" s="32"/>
      <c r="L47" s="23"/>
      <c r="M47" s="23"/>
      <c r="N47" s="23"/>
      <c r="O47" s="23"/>
      <c r="P47" s="23"/>
      <c r="Q47" s="23"/>
      <c r="R47" s="26"/>
      <c r="S47" s="110"/>
      <c r="T47" s="9"/>
    </row>
    <row r="48" spans="1:20" ht="22.5" customHeight="1" x14ac:dyDescent="0.45">
      <c r="A48" s="6"/>
      <c r="B48" s="32"/>
      <c r="C48" s="23"/>
      <c r="D48" s="23"/>
      <c r="E48" s="23" t="s">
        <v>51</v>
      </c>
      <c r="F48" s="23"/>
      <c r="G48" s="23"/>
      <c r="H48" s="23"/>
      <c r="I48" s="26">
        <v>0</v>
      </c>
      <c r="J48" s="34"/>
      <c r="K48" s="32"/>
      <c r="L48" s="23"/>
      <c r="M48" s="23"/>
      <c r="N48" s="23"/>
      <c r="O48" s="23"/>
      <c r="P48" s="23"/>
      <c r="Q48" s="23"/>
      <c r="R48" s="26"/>
      <c r="S48" s="110"/>
      <c r="T48" s="9"/>
    </row>
    <row r="49" spans="1:20" ht="22.5" customHeight="1" x14ac:dyDescent="0.45">
      <c r="A49" s="6"/>
      <c r="B49" s="32"/>
      <c r="C49" s="23"/>
      <c r="D49" s="23"/>
      <c r="E49" s="23"/>
      <c r="F49" s="23" t="s">
        <v>47</v>
      </c>
      <c r="G49" s="23"/>
      <c r="H49" s="23"/>
      <c r="I49" s="26">
        <v>0</v>
      </c>
      <c r="J49" s="34"/>
      <c r="K49" s="32"/>
      <c r="L49" s="23"/>
      <c r="M49" s="23"/>
      <c r="N49" s="23"/>
      <c r="O49" s="23"/>
      <c r="P49" s="23"/>
      <c r="Q49" s="23"/>
      <c r="R49" s="26"/>
      <c r="S49" s="110"/>
      <c r="T49" s="9"/>
    </row>
    <row r="50" spans="1:20" ht="22.5" customHeight="1" x14ac:dyDescent="0.45">
      <c r="A50" s="6"/>
      <c r="B50" s="32"/>
      <c r="C50" s="23"/>
      <c r="D50" s="23"/>
      <c r="E50" s="23"/>
      <c r="F50" s="23" t="s">
        <v>48</v>
      </c>
      <c r="G50" s="23"/>
      <c r="H50" s="23"/>
      <c r="I50" s="26">
        <v>0</v>
      </c>
      <c r="J50" s="34"/>
      <c r="K50" s="32"/>
      <c r="L50" s="23"/>
      <c r="M50" s="23"/>
      <c r="N50" s="23"/>
      <c r="O50" s="23"/>
      <c r="P50" s="23"/>
      <c r="Q50" s="23"/>
      <c r="R50" s="26"/>
      <c r="S50" s="110"/>
      <c r="T50" s="9"/>
    </row>
    <row r="51" spans="1:20" ht="22.5" customHeight="1" x14ac:dyDescent="0.45">
      <c r="A51" s="6"/>
      <c r="B51" s="32"/>
      <c r="C51" s="23"/>
      <c r="D51" s="23" t="s">
        <v>52</v>
      </c>
      <c r="E51" s="23"/>
      <c r="F51" s="23"/>
      <c r="G51" s="23"/>
      <c r="H51" s="23"/>
      <c r="I51" s="26">
        <v>0</v>
      </c>
      <c r="J51" s="34"/>
      <c r="K51" s="32"/>
      <c r="L51" s="23"/>
      <c r="M51" s="23"/>
      <c r="N51" s="23"/>
      <c r="O51" s="23"/>
      <c r="P51" s="23"/>
      <c r="Q51" s="23"/>
      <c r="R51" s="26"/>
      <c r="S51" s="110"/>
      <c r="T51" s="9"/>
    </row>
    <row r="52" spans="1:20" ht="22.5" customHeight="1" x14ac:dyDescent="0.45">
      <c r="A52" s="6"/>
      <c r="B52" s="32"/>
      <c r="C52" s="23"/>
      <c r="D52" s="23" t="s">
        <v>53</v>
      </c>
      <c r="E52" s="23"/>
      <c r="F52" s="23"/>
      <c r="G52" s="23"/>
      <c r="H52" s="23"/>
      <c r="I52" s="26">
        <v>0</v>
      </c>
      <c r="J52" s="34"/>
      <c r="K52" s="32"/>
      <c r="L52" s="23"/>
      <c r="M52" s="23"/>
      <c r="N52" s="23"/>
      <c r="O52" s="23"/>
      <c r="P52" s="23"/>
      <c r="Q52" s="23"/>
      <c r="R52" s="26"/>
      <c r="S52" s="110"/>
      <c r="T52" s="9"/>
    </row>
    <row r="53" spans="1:20" ht="22.5" customHeight="1" x14ac:dyDescent="0.45">
      <c r="A53" s="6"/>
      <c r="B53" s="32"/>
      <c r="C53" s="23"/>
      <c r="D53" s="23" t="s">
        <v>54</v>
      </c>
      <c r="E53" s="23"/>
      <c r="F53" s="23"/>
      <c r="G53" s="23"/>
      <c r="H53" s="23"/>
      <c r="I53" s="26">
        <v>0</v>
      </c>
      <c r="J53" s="34"/>
      <c r="K53" s="32"/>
      <c r="L53" s="23"/>
      <c r="M53" s="23"/>
      <c r="N53" s="23"/>
      <c r="O53" s="23"/>
      <c r="P53" s="23"/>
      <c r="Q53" s="23"/>
      <c r="R53" s="26"/>
      <c r="S53" s="110"/>
      <c r="T53" s="9"/>
    </row>
    <row r="54" spans="1:20" ht="22.5" customHeight="1" x14ac:dyDescent="0.45">
      <c r="A54" s="6"/>
      <c r="B54" s="32"/>
      <c r="C54" s="23"/>
      <c r="D54" s="23" t="s">
        <v>55</v>
      </c>
      <c r="E54" s="23"/>
      <c r="F54" s="23"/>
      <c r="G54" s="23"/>
      <c r="H54" s="23"/>
      <c r="I54" s="26">
        <v>0</v>
      </c>
      <c r="J54" s="34"/>
      <c r="K54" s="32"/>
      <c r="L54" s="23"/>
      <c r="M54" s="23"/>
      <c r="N54" s="23"/>
      <c r="O54" s="23"/>
      <c r="P54" s="23"/>
      <c r="Q54" s="23"/>
      <c r="R54" s="26"/>
      <c r="S54" s="110"/>
      <c r="T54" s="9"/>
    </row>
    <row r="55" spans="1:20" ht="22.5" customHeight="1" x14ac:dyDescent="0.45">
      <c r="A55" s="6"/>
      <c r="B55" s="32"/>
      <c r="C55" s="23"/>
      <c r="D55" s="23" t="s">
        <v>88</v>
      </c>
      <c r="E55" s="23"/>
      <c r="F55" s="23"/>
      <c r="G55" s="23"/>
      <c r="H55" s="23"/>
      <c r="I55" s="26">
        <v>0</v>
      </c>
      <c r="J55" s="34"/>
      <c r="K55" s="32"/>
      <c r="L55" s="23"/>
      <c r="M55" s="23"/>
      <c r="N55" s="23"/>
      <c r="O55" s="23"/>
      <c r="P55" s="23"/>
      <c r="Q55" s="23"/>
      <c r="R55" s="26"/>
      <c r="S55" s="110"/>
      <c r="T55" s="9"/>
    </row>
    <row r="56" spans="1:20" ht="22.5" customHeight="1" x14ac:dyDescent="0.45">
      <c r="A56" s="6"/>
      <c r="B56" s="32"/>
      <c r="C56" s="23"/>
      <c r="D56" s="23"/>
      <c r="E56" s="23" t="s">
        <v>89</v>
      </c>
      <c r="F56" s="23"/>
      <c r="G56" s="23"/>
      <c r="H56" s="23"/>
      <c r="I56" s="26">
        <v>0</v>
      </c>
      <c r="J56" s="34"/>
      <c r="K56" s="32"/>
      <c r="L56" s="23"/>
      <c r="M56" s="23"/>
      <c r="N56" s="23"/>
      <c r="O56" s="23"/>
      <c r="P56" s="23"/>
      <c r="Q56" s="23"/>
      <c r="R56" s="26"/>
      <c r="S56" s="110"/>
      <c r="T56" s="9"/>
    </row>
    <row r="57" spans="1:20" ht="22.5" customHeight="1" x14ac:dyDescent="0.45">
      <c r="A57" s="6"/>
      <c r="B57" s="32"/>
      <c r="C57" s="23"/>
      <c r="D57" s="23"/>
      <c r="E57" s="23" t="s">
        <v>90</v>
      </c>
      <c r="F57" s="23"/>
      <c r="G57" s="23"/>
      <c r="H57" s="23"/>
      <c r="I57" s="26">
        <v>0</v>
      </c>
      <c r="J57" s="34"/>
      <c r="K57" s="32"/>
      <c r="L57" s="23"/>
      <c r="M57" s="23"/>
      <c r="N57" s="23"/>
      <c r="O57" s="23"/>
      <c r="P57" s="23"/>
      <c r="Q57" s="23"/>
      <c r="R57" s="26"/>
      <c r="S57" s="110"/>
      <c r="T57" s="9"/>
    </row>
    <row r="58" spans="1:20" ht="22.5" customHeight="1" x14ac:dyDescent="0.45">
      <c r="A58" s="6"/>
      <c r="B58" s="32"/>
      <c r="C58" s="23"/>
      <c r="D58" s="23"/>
      <c r="E58" s="23" t="s">
        <v>91</v>
      </c>
      <c r="F58" s="23"/>
      <c r="G58" s="23"/>
      <c r="H58" s="23"/>
      <c r="I58" s="26">
        <v>0</v>
      </c>
      <c r="J58" s="34"/>
      <c r="K58" s="32"/>
      <c r="L58" s="23"/>
      <c r="M58" s="23"/>
      <c r="N58" s="23"/>
      <c r="O58" s="23"/>
      <c r="P58" s="23"/>
      <c r="Q58" s="23"/>
      <c r="R58" s="26"/>
      <c r="S58" s="110"/>
      <c r="T58" s="9"/>
    </row>
    <row r="59" spans="1:20" ht="22.5" customHeight="1" x14ac:dyDescent="0.45">
      <c r="A59" s="6"/>
      <c r="B59" s="32"/>
      <c r="C59" s="23"/>
      <c r="D59" s="23" t="s">
        <v>56</v>
      </c>
      <c r="E59" s="23"/>
      <c r="F59" s="23"/>
      <c r="G59" s="23"/>
      <c r="H59" s="23"/>
      <c r="I59" s="26">
        <v>0</v>
      </c>
      <c r="J59" s="34"/>
      <c r="K59" s="32"/>
      <c r="L59" s="23"/>
      <c r="M59" s="23"/>
      <c r="N59" s="23"/>
      <c r="O59" s="23"/>
      <c r="P59" s="23"/>
      <c r="Q59" s="23"/>
      <c r="R59" s="26"/>
      <c r="S59" s="110"/>
      <c r="T59" s="9"/>
    </row>
    <row r="60" spans="1:20" ht="22.5" customHeight="1" x14ac:dyDescent="0.45">
      <c r="A60" s="6"/>
      <c r="B60" s="32"/>
      <c r="C60" s="23"/>
      <c r="D60" s="23" t="s">
        <v>82</v>
      </c>
      <c r="E60" s="23"/>
      <c r="F60" s="23"/>
      <c r="G60" s="23"/>
      <c r="H60" s="23"/>
      <c r="I60" s="26">
        <v>0</v>
      </c>
      <c r="J60" s="34"/>
      <c r="K60" s="32"/>
      <c r="L60" s="23"/>
      <c r="M60" s="23"/>
      <c r="N60" s="23"/>
      <c r="O60" s="23"/>
      <c r="P60" s="23"/>
      <c r="Q60" s="23"/>
      <c r="R60" s="26"/>
      <c r="S60" s="110"/>
      <c r="T60" s="9"/>
    </row>
    <row r="61" spans="1:20" ht="22.5" customHeight="1" x14ac:dyDescent="0.45">
      <c r="A61" s="6"/>
      <c r="B61" s="32"/>
      <c r="C61" s="23"/>
      <c r="D61" s="23"/>
      <c r="E61" s="23" t="s">
        <v>84</v>
      </c>
      <c r="F61" s="23"/>
      <c r="G61" s="23"/>
      <c r="H61" s="23"/>
      <c r="I61" s="26">
        <v>0</v>
      </c>
      <c r="J61" s="34"/>
      <c r="K61" s="32"/>
      <c r="L61" s="23"/>
      <c r="M61" s="23"/>
      <c r="N61" s="23"/>
      <c r="O61" s="23"/>
      <c r="P61" s="23"/>
      <c r="Q61" s="23"/>
      <c r="R61" s="26"/>
      <c r="S61" s="110"/>
      <c r="T61" s="9"/>
    </row>
    <row r="62" spans="1:20" ht="22.5" customHeight="1" x14ac:dyDescent="0.45">
      <c r="A62" s="6"/>
      <c r="B62" s="32"/>
      <c r="C62" s="23"/>
      <c r="D62" s="23"/>
      <c r="E62" s="23" t="s">
        <v>92</v>
      </c>
      <c r="F62" s="23"/>
      <c r="G62" s="23"/>
      <c r="H62" s="23"/>
      <c r="I62" s="26">
        <v>0</v>
      </c>
      <c r="J62" s="34"/>
      <c r="K62" s="32"/>
      <c r="L62" s="23"/>
      <c r="M62" s="23"/>
      <c r="N62" s="23"/>
      <c r="O62" s="23"/>
      <c r="P62" s="23"/>
      <c r="Q62" s="23"/>
      <c r="R62" s="26"/>
      <c r="S62" s="110"/>
      <c r="T62" s="9"/>
    </row>
    <row r="63" spans="1:20" ht="22.5" customHeight="1" x14ac:dyDescent="0.45">
      <c r="A63" s="6"/>
      <c r="B63" s="32"/>
      <c r="C63" s="23"/>
      <c r="D63" s="23" t="s">
        <v>81</v>
      </c>
      <c r="E63" s="23"/>
      <c r="F63" s="23"/>
      <c r="G63" s="23"/>
      <c r="H63" s="23"/>
      <c r="I63" s="26">
        <v>0</v>
      </c>
      <c r="J63" s="34"/>
      <c r="K63" s="32"/>
      <c r="L63" s="23"/>
      <c r="M63" s="23"/>
      <c r="N63" s="23"/>
      <c r="O63" s="23"/>
      <c r="P63" s="23"/>
      <c r="Q63" s="23"/>
      <c r="R63" s="26"/>
      <c r="S63" s="110"/>
      <c r="T63" s="9"/>
    </row>
    <row r="64" spans="1:20" ht="22.5" customHeight="1" x14ac:dyDescent="0.45">
      <c r="A64" s="6"/>
      <c r="B64" s="32"/>
      <c r="C64" s="23"/>
      <c r="D64" s="23" t="s">
        <v>93</v>
      </c>
      <c r="E64" s="23"/>
      <c r="F64" s="23"/>
      <c r="G64" s="23"/>
      <c r="H64" s="23"/>
      <c r="I64" s="26">
        <v>0</v>
      </c>
      <c r="J64" s="34"/>
      <c r="K64" s="32"/>
      <c r="L64" s="23"/>
      <c r="M64" s="23"/>
      <c r="N64" s="23"/>
      <c r="O64" s="23"/>
      <c r="P64" s="23"/>
      <c r="Q64" s="23"/>
      <c r="R64" s="26"/>
      <c r="S64" s="110"/>
      <c r="T64" s="9"/>
    </row>
    <row r="65" spans="1:20" ht="22.5" customHeight="1" x14ac:dyDescent="0.45">
      <c r="A65" s="6"/>
      <c r="B65" s="32"/>
      <c r="C65" s="23"/>
      <c r="D65" s="23" t="s">
        <v>81</v>
      </c>
      <c r="E65" s="23"/>
      <c r="F65" s="23"/>
      <c r="G65" s="23"/>
      <c r="H65" s="23"/>
      <c r="I65" s="26">
        <v>0</v>
      </c>
      <c r="J65" s="34"/>
      <c r="K65" s="32"/>
      <c r="L65" s="23"/>
      <c r="M65" s="23"/>
      <c r="N65" s="23"/>
      <c r="O65" s="23"/>
      <c r="P65" s="23"/>
      <c r="Q65" s="23"/>
      <c r="R65" s="26"/>
      <c r="S65" s="110"/>
      <c r="T65" s="9"/>
    </row>
    <row r="66" spans="1:20" ht="22.5" customHeight="1" x14ac:dyDescent="0.45">
      <c r="A66" s="6"/>
      <c r="B66" s="32"/>
      <c r="C66" s="23"/>
      <c r="D66" s="23" t="s">
        <v>94</v>
      </c>
      <c r="E66" s="23"/>
      <c r="F66" s="23"/>
      <c r="G66" s="23"/>
      <c r="H66" s="23"/>
      <c r="I66" s="26">
        <v>0</v>
      </c>
      <c r="J66" s="34"/>
      <c r="K66" s="32"/>
      <c r="L66" s="23"/>
      <c r="M66" s="23"/>
      <c r="N66" s="23"/>
      <c r="O66" s="23"/>
      <c r="P66" s="23"/>
      <c r="Q66" s="23"/>
      <c r="R66" s="26"/>
      <c r="S66" s="110"/>
      <c r="T66" s="9"/>
    </row>
    <row r="67" spans="1:20" ht="22.5" customHeight="1" x14ac:dyDescent="0.45">
      <c r="A67" s="6"/>
      <c r="B67" s="32"/>
      <c r="C67" s="23"/>
      <c r="D67" s="23" t="s">
        <v>81</v>
      </c>
      <c r="E67" s="23"/>
      <c r="F67" s="23"/>
      <c r="G67" s="23"/>
      <c r="H67" s="23"/>
      <c r="I67" s="24">
        <v>0</v>
      </c>
      <c r="J67" s="34"/>
      <c r="K67" s="100" t="s">
        <v>116</v>
      </c>
      <c r="L67" s="101"/>
      <c r="M67" s="102"/>
      <c r="N67" s="102"/>
      <c r="O67" s="102"/>
      <c r="P67" s="102"/>
      <c r="Q67" s="102"/>
      <c r="R67" s="103">
        <v>-218497420</v>
      </c>
      <c r="S67" s="107"/>
      <c r="T67" s="9"/>
    </row>
    <row r="68" spans="1:20" ht="22.5" customHeight="1" x14ac:dyDescent="0.45">
      <c r="A68" s="6"/>
      <c r="B68" s="100" t="s">
        <v>115</v>
      </c>
      <c r="C68" s="101"/>
      <c r="D68" s="102"/>
      <c r="E68" s="102"/>
      <c r="F68" s="102"/>
      <c r="G68" s="102"/>
      <c r="H68" s="102"/>
      <c r="I68" s="103">
        <v>0</v>
      </c>
      <c r="J68" s="104"/>
      <c r="K68" s="100" t="s">
        <v>117</v>
      </c>
      <c r="L68" s="102"/>
      <c r="M68" s="102"/>
      <c r="N68" s="102"/>
      <c r="O68" s="102"/>
      <c r="P68" s="102"/>
      <c r="Q68" s="102"/>
      <c r="R68" s="103">
        <v>0</v>
      </c>
      <c r="S68" s="107"/>
      <c r="T68" s="9"/>
    </row>
    <row r="69" spans="1:20" ht="22.5" customHeight="1" x14ac:dyDescent="0.45">
      <c r="A69" s="6"/>
      <c r="B69" s="23"/>
      <c r="C69" s="23"/>
      <c r="D69" s="23"/>
      <c r="E69" s="23"/>
      <c r="F69" s="23"/>
      <c r="G69" s="23"/>
      <c r="H69" s="23"/>
      <c r="I69" s="27"/>
      <c r="J69" s="7"/>
      <c r="K69" s="23"/>
      <c r="L69" s="23"/>
      <c r="M69" s="23"/>
      <c r="N69" s="23"/>
      <c r="O69" s="23"/>
      <c r="P69" s="23"/>
      <c r="Q69" s="23"/>
      <c r="R69" s="27"/>
      <c r="S69" s="27"/>
      <c r="T69" s="9"/>
    </row>
    <row r="70" spans="1:20" ht="22.5" customHeight="1" x14ac:dyDescent="0.45">
      <c r="A70" s="6"/>
      <c r="B70" s="7"/>
      <c r="C70" s="7"/>
      <c r="D70" s="7"/>
      <c r="E70" s="7"/>
      <c r="F70" s="7"/>
      <c r="G70" s="7"/>
      <c r="H70" s="7"/>
      <c r="I70" s="27"/>
      <c r="J70" s="7"/>
      <c r="K70" s="7"/>
      <c r="L70" s="7"/>
      <c r="M70" s="7"/>
      <c r="N70" s="7"/>
      <c r="O70" s="7"/>
      <c r="P70" s="7"/>
      <c r="Q70" s="7"/>
      <c r="R70" s="27"/>
      <c r="S70" s="27"/>
      <c r="T70" s="9"/>
    </row>
    <row r="71" spans="1:20" ht="22.5" customHeight="1" x14ac:dyDescent="0.45">
      <c r="A71" s="4"/>
      <c r="B71" s="4"/>
      <c r="C71" s="4"/>
      <c r="D71" s="4"/>
      <c r="E71" s="4"/>
      <c r="F71" s="4"/>
      <c r="G71" s="4"/>
      <c r="H71" s="4"/>
      <c r="I71" s="28"/>
      <c r="J71" s="4"/>
      <c r="K71" s="4"/>
      <c r="L71" s="4"/>
      <c r="M71" s="4"/>
      <c r="N71" s="4"/>
      <c r="O71" s="4"/>
      <c r="P71" s="4"/>
      <c r="Q71" s="4"/>
      <c r="R71" s="28"/>
      <c r="S71" s="28"/>
      <c r="T71" s="4"/>
    </row>
    <row r="72" spans="1:20" ht="22.5" customHeight="1" x14ac:dyDescent="0.45">
      <c r="A72" s="7"/>
      <c r="B72" s="7"/>
      <c r="C72" s="7"/>
      <c r="D72" s="7"/>
      <c r="E72" s="7"/>
      <c r="F72" s="7"/>
      <c r="G72" s="7"/>
      <c r="H72" s="7"/>
      <c r="I72" s="29"/>
      <c r="J72" s="7"/>
      <c r="K72" s="7"/>
      <c r="L72" s="7"/>
      <c r="M72" s="7"/>
      <c r="N72" s="7"/>
      <c r="O72" s="7"/>
      <c r="P72" s="7"/>
      <c r="Q72" s="7"/>
      <c r="R72" s="29"/>
      <c r="S72" s="29"/>
      <c r="T72" s="7"/>
    </row>
    <row r="73" spans="1:20" ht="22.5" customHeight="1" x14ac:dyDescent="0.45">
      <c r="A73" s="7"/>
      <c r="B73" s="7"/>
      <c r="C73" s="7"/>
      <c r="D73" s="7"/>
      <c r="E73" s="7"/>
      <c r="F73" s="7"/>
      <c r="G73" s="7"/>
      <c r="H73" s="7"/>
      <c r="I73" s="29"/>
      <c r="J73" s="7"/>
      <c r="K73" s="7"/>
      <c r="L73" s="7"/>
      <c r="M73" s="7"/>
      <c r="N73" s="7"/>
      <c r="O73" s="7"/>
      <c r="P73" s="7"/>
      <c r="Q73" s="7"/>
      <c r="R73" s="29"/>
      <c r="S73" s="29"/>
      <c r="T73" s="7"/>
    </row>
    <row r="74" spans="1:20" ht="22.5" customHeight="1" x14ac:dyDescent="0.45">
      <c r="A74" s="7"/>
      <c r="B74" s="7"/>
      <c r="C74" s="7"/>
      <c r="D74" s="7"/>
      <c r="E74" s="7"/>
      <c r="F74" s="7"/>
      <c r="G74" s="7"/>
      <c r="H74" s="7"/>
      <c r="I74" s="29"/>
      <c r="J74" s="7"/>
      <c r="K74" s="7"/>
      <c r="L74" s="7"/>
      <c r="M74" s="7"/>
      <c r="N74" s="7"/>
      <c r="O74" s="7"/>
      <c r="P74" s="7"/>
      <c r="Q74" s="7"/>
      <c r="R74" s="29"/>
      <c r="S74" s="29"/>
    </row>
    <row r="75" spans="1:20" ht="22.5" customHeight="1" x14ac:dyDescent="0.45">
      <c r="A75" s="7"/>
      <c r="B75" s="7"/>
      <c r="C75" s="7"/>
      <c r="D75" s="7"/>
      <c r="E75" s="7"/>
      <c r="F75" s="7"/>
      <c r="G75" s="7"/>
      <c r="H75" s="7"/>
      <c r="I75" s="29"/>
      <c r="J75" s="7"/>
      <c r="K75" s="7"/>
      <c r="L75" s="7"/>
      <c r="M75" s="7"/>
      <c r="N75" s="7"/>
      <c r="O75" s="7"/>
      <c r="P75" s="7"/>
      <c r="Q75" s="7"/>
      <c r="R75" s="29"/>
      <c r="S75" s="29"/>
    </row>
    <row r="76" spans="1:20" ht="22.5" customHeight="1" x14ac:dyDescent="0.45">
      <c r="A76" s="7"/>
      <c r="B76" s="7"/>
      <c r="C76" s="7"/>
      <c r="D76" s="7"/>
      <c r="E76" s="7"/>
      <c r="F76" s="7"/>
      <c r="G76" s="7"/>
      <c r="H76" s="7"/>
      <c r="I76" s="29"/>
      <c r="J76" s="7"/>
      <c r="K76" s="7"/>
      <c r="L76" s="7"/>
      <c r="M76" s="7"/>
      <c r="N76" s="7"/>
      <c r="O76" s="7"/>
      <c r="P76" s="7"/>
      <c r="Q76" s="7"/>
      <c r="R76" s="29"/>
      <c r="S76" s="29"/>
    </row>
    <row r="77" spans="1:20" ht="22.5" customHeight="1" x14ac:dyDescent="0.45">
      <c r="A77" s="7"/>
      <c r="B77" s="7"/>
      <c r="C77" s="7"/>
      <c r="D77" s="7"/>
      <c r="E77" s="7"/>
      <c r="F77" s="7"/>
      <c r="G77" s="7"/>
      <c r="H77" s="7"/>
      <c r="I77" s="29"/>
      <c r="J77" s="7"/>
      <c r="K77" s="7"/>
      <c r="L77" s="7"/>
      <c r="M77" s="7"/>
      <c r="N77" s="7"/>
      <c r="O77" s="7"/>
      <c r="P77" s="7"/>
      <c r="Q77" s="7"/>
      <c r="R77" s="29"/>
      <c r="S77" s="29"/>
    </row>
    <row r="78" spans="1:20" ht="22.5" customHeight="1" x14ac:dyDescent="0.45">
      <c r="A78" s="7"/>
      <c r="B78" s="7"/>
      <c r="C78" s="7"/>
      <c r="D78" s="7"/>
      <c r="E78" s="7"/>
      <c r="F78" s="7"/>
      <c r="G78" s="7"/>
      <c r="H78" s="7"/>
      <c r="I78" s="29"/>
      <c r="J78" s="7"/>
      <c r="K78" s="7"/>
      <c r="L78" s="7"/>
      <c r="M78" s="7"/>
      <c r="N78" s="7"/>
      <c r="O78" s="7"/>
      <c r="P78" s="7"/>
      <c r="Q78" s="7"/>
      <c r="R78" s="29"/>
      <c r="S78" s="29"/>
    </row>
    <row r="79" spans="1:20" ht="22.5" customHeight="1" x14ac:dyDescent="0.45">
      <c r="A79" s="7"/>
      <c r="B79" s="7"/>
      <c r="C79" s="7"/>
      <c r="D79" s="7"/>
      <c r="E79" s="7"/>
      <c r="F79" s="7"/>
      <c r="G79" s="7"/>
      <c r="H79" s="7"/>
      <c r="I79" s="29"/>
      <c r="J79" s="7"/>
      <c r="K79" s="7"/>
      <c r="L79" s="7"/>
      <c r="M79" s="7"/>
      <c r="N79" s="7"/>
      <c r="O79" s="7"/>
      <c r="P79" s="7"/>
      <c r="Q79" s="7"/>
      <c r="R79" s="29"/>
      <c r="S79" s="29"/>
    </row>
    <row r="80" spans="1:20" ht="22.5" customHeight="1" x14ac:dyDescent="0.45">
      <c r="A80" s="7"/>
      <c r="B80" s="7"/>
      <c r="C80" s="7"/>
      <c r="D80" s="7"/>
      <c r="E80" s="7"/>
      <c r="F80" s="7"/>
      <c r="G80" s="7"/>
      <c r="H80" s="7"/>
      <c r="I80" s="29"/>
      <c r="J80" s="7"/>
      <c r="K80" s="7"/>
      <c r="L80" s="7"/>
      <c r="M80" s="7"/>
      <c r="N80" s="7"/>
      <c r="O80" s="7"/>
      <c r="P80" s="7"/>
      <c r="Q80" s="7"/>
      <c r="R80" s="29"/>
      <c r="S80" s="29"/>
    </row>
    <row r="81" spans="1:19" ht="22.5" customHeight="1" x14ac:dyDescent="0.45">
      <c r="A81" s="7"/>
      <c r="B81" s="7"/>
      <c r="C81" s="7"/>
      <c r="D81" s="7"/>
      <c r="E81" s="7"/>
      <c r="F81" s="7"/>
      <c r="G81" s="7"/>
      <c r="H81" s="7"/>
      <c r="I81" s="29"/>
      <c r="J81" s="7"/>
      <c r="K81" s="7"/>
      <c r="L81" s="7"/>
      <c r="M81" s="7"/>
      <c r="N81" s="7"/>
      <c r="O81" s="7"/>
      <c r="P81" s="7"/>
      <c r="Q81" s="7"/>
      <c r="R81" s="29"/>
      <c r="S81" s="29"/>
    </row>
    <row r="82" spans="1:19" ht="22.5" customHeight="1" x14ac:dyDescent="0.45">
      <c r="A82" s="7"/>
      <c r="B82" s="7"/>
      <c r="C82" s="7"/>
      <c r="D82" s="7"/>
      <c r="E82" s="7"/>
      <c r="F82" s="7"/>
      <c r="G82" s="7"/>
      <c r="H82" s="7"/>
      <c r="I82" s="29"/>
      <c r="J82" s="7"/>
      <c r="K82" s="7"/>
      <c r="L82" s="7"/>
      <c r="M82" s="7"/>
      <c r="N82" s="7"/>
      <c r="O82" s="7"/>
      <c r="P82" s="7"/>
      <c r="Q82" s="7"/>
      <c r="R82" s="29"/>
      <c r="S82" s="29"/>
    </row>
    <row r="83" spans="1:19" ht="22.5" customHeight="1" x14ac:dyDescent="0.45">
      <c r="A83" s="7"/>
      <c r="B83" s="7"/>
      <c r="C83" s="7"/>
      <c r="D83" s="7"/>
      <c r="E83" s="7"/>
      <c r="F83" s="7"/>
      <c r="G83" s="7"/>
      <c r="H83" s="7"/>
      <c r="I83" s="29"/>
      <c r="J83" s="7"/>
      <c r="K83" s="7"/>
      <c r="L83" s="7"/>
      <c r="M83" s="7"/>
      <c r="N83" s="7"/>
      <c r="O83" s="7"/>
      <c r="P83" s="7"/>
      <c r="Q83" s="7"/>
      <c r="R83" s="29"/>
      <c r="S83" s="29"/>
    </row>
    <row r="84" spans="1:19" ht="22.5" customHeight="1" x14ac:dyDescent="0.45">
      <c r="A84" s="7"/>
      <c r="B84" s="7"/>
      <c r="C84" s="7"/>
      <c r="D84" s="7"/>
      <c r="E84" s="7"/>
      <c r="F84" s="7"/>
      <c r="G84" s="7"/>
      <c r="H84" s="7"/>
      <c r="I84" s="29"/>
      <c r="J84" s="7"/>
      <c r="K84" s="7"/>
      <c r="L84" s="7"/>
      <c r="M84" s="7"/>
      <c r="N84" s="7"/>
      <c r="O84" s="7"/>
      <c r="P84" s="7"/>
      <c r="Q84" s="7"/>
      <c r="R84" s="29"/>
      <c r="S84" s="29"/>
    </row>
    <row r="85" spans="1:19" ht="22.5" customHeight="1" x14ac:dyDescent="0.45">
      <c r="A85" s="7"/>
      <c r="B85" s="7"/>
      <c r="C85" s="7"/>
      <c r="D85" s="7"/>
      <c r="E85" s="7"/>
      <c r="F85" s="7"/>
      <c r="G85" s="7"/>
      <c r="H85" s="7"/>
      <c r="I85" s="29"/>
      <c r="J85" s="7"/>
      <c r="K85" s="7"/>
      <c r="L85" s="7"/>
      <c r="M85" s="7"/>
      <c r="N85" s="7"/>
      <c r="O85" s="7"/>
      <c r="P85" s="7"/>
      <c r="Q85" s="7"/>
      <c r="R85" s="29"/>
      <c r="S85" s="29"/>
    </row>
    <row r="86" spans="1:19" ht="22.5" customHeight="1" x14ac:dyDescent="0.45">
      <c r="A86" s="7"/>
      <c r="B86" s="7"/>
      <c r="C86" s="7"/>
      <c r="D86" s="7"/>
      <c r="E86" s="7"/>
      <c r="F86" s="7"/>
      <c r="G86" s="7"/>
      <c r="H86" s="7"/>
      <c r="I86" s="29"/>
      <c r="J86" s="7"/>
      <c r="K86" s="7"/>
      <c r="L86" s="7"/>
      <c r="M86" s="7"/>
      <c r="N86" s="7"/>
      <c r="O86" s="7"/>
      <c r="P86" s="7"/>
      <c r="Q86" s="7"/>
      <c r="R86" s="29"/>
      <c r="S86" s="29"/>
    </row>
    <row r="87" spans="1:19" ht="22.5" customHeight="1" x14ac:dyDescent="0.45">
      <c r="A87" s="7"/>
      <c r="B87" s="7"/>
      <c r="C87" s="7"/>
      <c r="D87" s="7"/>
      <c r="E87" s="7"/>
      <c r="F87" s="7"/>
      <c r="G87" s="7"/>
      <c r="H87" s="7"/>
      <c r="I87" s="29"/>
      <c r="J87" s="7"/>
      <c r="K87" s="7"/>
      <c r="L87" s="7"/>
      <c r="M87" s="7"/>
      <c r="N87" s="7"/>
      <c r="O87" s="7"/>
      <c r="P87" s="7"/>
      <c r="Q87" s="7"/>
      <c r="R87" s="29"/>
      <c r="S87" s="29"/>
    </row>
    <row r="88" spans="1:19" ht="22.5" customHeight="1" x14ac:dyDescent="0.45">
      <c r="A88" s="7"/>
      <c r="B88" s="7"/>
      <c r="C88" s="7"/>
      <c r="D88" s="7"/>
      <c r="E88" s="7"/>
      <c r="F88" s="7"/>
      <c r="G88" s="7"/>
      <c r="H88" s="7"/>
      <c r="I88" s="29"/>
      <c r="J88" s="7"/>
      <c r="K88" s="7"/>
      <c r="L88" s="7"/>
      <c r="M88" s="7"/>
      <c r="N88" s="7"/>
      <c r="O88" s="7"/>
      <c r="P88" s="7"/>
      <c r="Q88" s="7"/>
      <c r="R88" s="29"/>
      <c r="S88" s="29"/>
    </row>
    <row r="89" spans="1:19" ht="22.5" customHeight="1" x14ac:dyDescent="0.45">
      <c r="A89" s="7"/>
      <c r="B89" s="7"/>
      <c r="C89" s="7"/>
      <c r="D89" s="7"/>
      <c r="E89" s="7"/>
      <c r="F89" s="7"/>
      <c r="G89" s="7"/>
      <c r="H89" s="7"/>
      <c r="I89" s="29"/>
      <c r="J89" s="7"/>
      <c r="K89" s="7"/>
      <c r="L89" s="7"/>
      <c r="M89" s="7"/>
      <c r="N89" s="7"/>
      <c r="O89" s="7"/>
      <c r="P89" s="7"/>
      <c r="Q89" s="7"/>
      <c r="R89" s="29"/>
      <c r="S89" s="29"/>
    </row>
    <row r="90" spans="1:19" ht="22.5" customHeight="1" x14ac:dyDescent="0.45">
      <c r="A90" s="7"/>
      <c r="B90" s="7"/>
      <c r="C90" s="7"/>
      <c r="D90" s="7"/>
      <c r="E90" s="7"/>
      <c r="F90" s="7"/>
      <c r="G90" s="7"/>
      <c r="H90" s="7"/>
      <c r="I90" s="29"/>
      <c r="J90" s="7"/>
      <c r="K90" s="7"/>
      <c r="L90" s="7"/>
      <c r="M90" s="7"/>
      <c r="N90" s="7"/>
      <c r="O90" s="7"/>
      <c r="P90" s="7"/>
      <c r="Q90" s="7"/>
      <c r="R90" s="29"/>
      <c r="S90" s="29"/>
    </row>
    <row r="91" spans="1:19" ht="22.5" customHeight="1" x14ac:dyDescent="0.45">
      <c r="A91" s="7"/>
      <c r="B91" s="7"/>
      <c r="C91" s="7"/>
      <c r="D91" s="7"/>
      <c r="E91" s="7"/>
      <c r="F91" s="7"/>
      <c r="G91" s="7"/>
      <c r="H91" s="7"/>
      <c r="I91" s="29"/>
      <c r="J91" s="7"/>
      <c r="K91" s="7"/>
      <c r="L91" s="7"/>
      <c r="M91" s="7"/>
      <c r="N91" s="7"/>
      <c r="O91" s="7"/>
      <c r="P91" s="7"/>
      <c r="Q91" s="7"/>
      <c r="R91" s="29"/>
      <c r="S91" s="29"/>
    </row>
    <row r="92" spans="1:19" ht="22.5" customHeight="1" x14ac:dyDescent="0.45">
      <c r="A92" s="7"/>
      <c r="B92" s="7"/>
      <c r="C92" s="7"/>
      <c r="D92" s="7"/>
      <c r="E92" s="7"/>
      <c r="F92" s="7"/>
      <c r="G92" s="7"/>
      <c r="H92" s="7"/>
      <c r="I92" s="29"/>
      <c r="J92" s="7"/>
      <c r="K92" s="7"/>
      <c r="L92" s="7"/>
      <c r="M92" s="7"/>
      <c r="N92" s="7"/>
      <c r="O92" s="7"/>
      <c r="P92" s="7"/>
      <c r="Q92" s="7"/>
      <c r="R92" s="29"/>
      <c r="S92" s="29"/>
    </row>
    <row r="93" spans="1:19" ht="22.5" customHeight="1" x14ac:dyDescent="0.45">
      <c r="A93" s="7"/>
      <c r="B93" s="7"/>
      <c r="C93" s="7"/>
      <c r="D93" s="7"/>
      <c r="E93" s="7"/>
      <c r="F93" s="7"/>
      <c r="G93" s="7"/>
      <c r="H93" s="7"/>
      <c r="I93" s="29"/>
      <c r="J93" s="7"/>
      <c r="K93" s="7"/>
      <c r="L93" s="7"/>
      <c r="M93" s="7"/>
      <c r="N93" s="7"/>
      <c r="O93" s="7"/>
      <c r="P93" s="7"/>
      <c r="Q93" s="7"/>
      <c r="R93" s="29"/>
      <c r="S93" s="29"/>
    </row>
    <row r="94" spans="1:19" ht="22.5" customHeight="1" x14ac:dyDescent="0.45">
      <c r="A94" s="7"/>
      <c r="B94" s="7"/>
      <c r="C94" s="7"/>
      <c r="D94" s="7"/>
      <c r="E94" s="7"/>
      <c r="F94" s="7"/>
      <c r="G94" s="7"/>
      <c r="H94" s="7"/>
      <c r="I94" s="29"/>
      <c r="J94" s="7"/>
      <c r="K94" s="7"/>
      <c r="L94" s="7"/>
      <c r="M94" s="7"/>
      <c r="N94" s="7"/>
      <c r="O94" s="7"/>
      <c r="P94" s="7"/>
      <c r="Q94" s="7"/>
      <c r="R94" s="29"/>
      <c r="S94" s="29"/>
    </row>
    <row r="95" spans="1:19" ht="22.5" customHeight="1" x14ac:dyDescent="0.45">
      <c r="A95" s="7"/>
      <c r="B95" s="7"/>
      <c r="C95" s="7"/>
      <c r="D95" s="7"/>
      <c r="E95" s="7"/>
      <c r="F95" s="7"/>
      <c r="G95" s="7"/>
      <c r="H95" s="7"/>
      <c r="I95" s="29"/>
      <c r="J95" s="7"/>
      <c r="K95" s="7"/>
      <c r="L95" s="7"/>
      <c r="M95" s="7"/>
      <c r="N95" s="7"/>
      <c r="O95" s="7"/>
      <c r="P95" s="7"/>
      <c r="Q95" s="7"/>
      <c r="R95" s="29"/>
      <c r="S95" s="29"/>
    </row>
    <row r="96" spans="1:19" ht="22.5" customHeight="1" x14ac:dyDescent="0.45">
      <c r="A96" s="7"/>
      <c r="B96" s="7"/>
      <c r="C96" s="7"/>
      <c r="D96" s="7"/>
      <c r="E96" s="7"/>
      <c r="F96" s="7"/>
      <c r="G96" s="7"/>
      <c r="H96" s="7"/>
      <c r="I96" s="29"/>
      <c r="J96" s="7"/>
      <c r="K96" s="7"/>
      <c r="L96" s="7"/>
      <c r="M96" s="7"/>
      <c r="N96" s="7"/>
      <c r="O96" s="7"/>
      <c r="P96" s="7"/>
      <c r="Q96" s="7"/>
      <c r="R96" s="29"/>
      <c r="S96" s="29"/>
    </row>
    <row r="97" spans="1:19" ht="22.5" customHeight="1" x14ac:dyDescent="0.45">
      <c r="A97" s="7"/>
      <c r="B97" s="7"/>
      <c r="C97" s="7"/>
      <c r="D97" s="7"/>
      <c r="E97" s="7"/>
      <c r="F97" s="7"/>
      <c r="G97" s="7"/>
      <c r="H97" s="7"/>
      <c r="I97" s="29"/>
      <c r="J97" s="7"/>
      <c r="K97" s="7"/>
      <c r="L97" s="7"/>
      <c r="M97" s="7"/>
      <c r="N97" s="7"/>
      <c r="O97" s="7"/>
      <c r="P97" s="7"/>
      <c r="Q97" s="7"/>
      <c r="R97" s="29"/>
      <c r="S97" s="29"/>
    </row>
    <row r="98" spans="1:19" ht="22.5" customHeight="1" x14ac:dyDescent="0.45">
      <c r="A98" s="7"/>
      <c r="B98" s="7"/>
      <c r="C98" s="7"/>
      <c r="D98" s="7"/>
      <c r="E98" s="7"/>
      <c r="F98" s="7"/>
      <c r="G98" s="7"/>
      <c r="H98" s="7"/>
      <c r="I98" s="29"/>
      <c r="J98" s="7"/>
      <c r="K98" s="7"/>
      <c r="L98" s="7"/>
      <c r="M98" s="7"/>
      <c r="N98" s="7"/>
      <c r="O98" s="7"/>
      <c r="P98" s="7"/>
      <c r="Q98" s="7"/>
      <c r="R98" s="29"/>
      <c r="S98" s="29"/>
    </row>
    <row r="99" spans="1:19" ht="22.5" customHeight="1" x14ac:dyDescent="0.45">
      <c r="A99" s="7"/>
      <c r="B99" s="7"/>
      <c r="C99" s="7"/>
      <c r="D99" s="7"/>
      <c r="E99" s="7"/>
      <c r="F99" s="7"/>
      <c r="G99" s="7"/>
      <c r="H99" s="7"/>
      <c r="I99" s="29"/>
      <c r="J99" s="7"/>
      <c r="K99" s="7"/>
      <c r="L99" s="7"/>
      <c r="M99" s="7"/>
      <c r="N99" s="7"/>
      <c r="O99" s="7"/>
      <c r="P99" s="7"/>
      <c r="Q99" s="7"/>
      <c r="R99" s="29"/>
      <c r="S99" s="29"/>
    </row>
    <row r="100" spans="1:19" ht="22.5" customHeight="1" x14ac:dyDescent="0.45">
      <c r="A100" s="7"/>
      <c r="B100" s="7"/>
      <c r="C100" s="7"/>
      <c r="D100" s="7"/>
      <c r="E100" s="7"/>
      <c r="F100" s="7"/>
      <c r="G100" s="7"/>
      <c r="H100" s="7"/>
      <c r="I100" s="29"/>
      <c r="J100" s="7"/>
      <c r="K100" s="7"/>
      <c r="L100" s="7"/>
      <c r="M100" s="7"/>
      <c r="N100" s="7"/>
      <c r="O100" s="7"/>
      <c r="P100" s="7"/>
      <c r="Q100" s="7"/>
      <c r="R100" s="29"/>
      <c r="S100" s="29"/>
    </row>
    <row r="101" spans="1:19" ht="22.5" customHeight="1" x14ac:dyDescent="0.45">
      <c r="A101" s="7"/>
      <c r="B101" s="7"/>
      <c r="C101" s="7"/>
      <c r="D101" s="7"/>
      <c r="E101" s="7"/>
      <c r="F101" s="7"/>
      <c r="G101" s="7"/>
      <c r="H101" s="7"/>
      <c r="I101" s="29"/>
      <c r="J101" s="7"/>
      <c r="K101" s="7"/>
      <c r="L101" s="7"/>
      <c r="M101" s="7"/>
      <c r="N101" s="7"/>
      <c r="O101" s="7"/>
      <c r="P101" s="7"/>
      <c r="Q101" s="7"/>
      <c r="R101" s="29"/>
      <c r="S101" s="29"/>
    </row>
    <row r="102" spans="1:19" ht="22.5" customHeight="1" x14ac:dyDescent="0.45">
      <c r="A102" s="7"/>
      <c r="B102" s="7"/>
      <c r="C102" s="7"/>
      <c r="D102" s="7"/>
      <c r="E102" s="7"/>
      <c r="F102" s="7"/>
      <c r="G102" s="7"/>
      <c r="H102" s="7"/>
      <c r="I102" s="29"/>
      <c r="J102" s="7"/>
      <c r="K102" s="7"/>
      <c r="L102" s="7"/>
      <c r="M102" s="7"/>
      <c r="N102" s="7"/>
      <c r="O102" s="7"/>
      <c r="P102" s="7"/>
      <c r="Q102" s="7"/>
      <c r="R102" s="29"/>
      <c r="S102" s="29"/>
    </row>
    <row r="103" spans="1:19" ht="22.5" customHeight="1" x14ac:dyDescent="0.45">
      <c r="A103" s="7"/>
      <c r="B103" s="7"/>
      <c r="C103" s="7"/>
      <c r="D103" s="7"/>
      <c r="E103" s="7"/>
      <c r="F103" s="7"/>
      <c r="G103" s="7"/>
      <c r="H103" s="7"/>
      <c r="I103" s="29"/>
      <c r="J103" s="7"/>
      <c r="K103" s="7"/>
      <c r="L103" s="7"/>
      <c r="M103" s="7"/>
      <c r="N103" s="7"/>
      <c r="O103" s="7"/>
      <c r="P103" s="7"/>
      <c r="Q103" s="7"/>
      <c r="R103" s="29"/>
      <c r="S103" s="29"/>
    </row>
    <row r="104" spans="1:19" ht="22.5" customHeight="1" x14ac:dyDescent="0.45">
      <c r="A104" s="7"/>
      <c r="B104" s="7"/>
      <c r="C104" s="7"/>
      <c r="D104" s="7"/>
      <c r="E104" s="7"/>
      <c r="F104" s="7"/>
      <c r="G104" s="7"/>
      <c r="H104" s="7"/>
      <c r="I104" s="29"/>
      <c r="J104" s="7"/>
      <c r="K104" s="7"/>
      <c r="L104" s="7"/>
      <c r="M104" s="7"/>
      <c r="N104" s="7"/>
      <c r="O104" s="7"/>
      <c r="P104" s="7"/>
      <c r="Q104" s="7"/>
      <c r="R104" s="29"/>
      <c r="S104" s="29"/>
    </row>
    <row r="105" spans="1:19" ht="22.5" customHeight="1" x14ac:dyDescent="0.45">
      <c r="A105" s="7"/>
      <c r="B105" s="7"/>
      <c r="C105" s="7"/>
      <c r="D105" s="7"/>
      <c r="E105" s="7"/>
      <c r="F105" s="7"/>
      <c r="G105" s="7"/>
      <c r="H105" s="7"/>
      <c r="I105" s="29"/>
      <c r="J105" s="7"/>
      <c r="K105" s="7"/>
      <c r="L105" s="7"/>
      <c r="M105" s="7"/>
      <c r="N105" s="7"/>
      <c r="O105" s="7"/>
      <c r="P105" s="7"/>
      <c r="Q105" s="7"/>
      <c r="R105" s="29"/>
      <c r="S105" s="29"/>
    </row>
    <row r="106" spans="1:19" ht="22.5" customHeight="1" x14ac:dyDescent="0.45">
      <c r="A106" s="7"/>
      <c r="B106" s="7"/>
      <c r="C106" s="7"/>
      <c r="D106" s="7"/>
      <c r="E106" s="7"/>
      <c r="F106" s="7"/>
      <c r="G106" s="7"/>
      <c r="H106" s="7"/>
      <c r="I106" s="29"/>
      <c r="J106" s="7"/>
      <c r="K106" s="7"/>
      <c r="L106" s="7"/>
      <c r="M106" s="7"/>
      <c r="N106" s="7"/>
      <c r="O106" s="7"/>
      <c r="P106" s="7"/>
      <c r="Q106" s="7"/>
      <c r="R106" s="29"/>
      <c r="S106" s="29"/>
    </row>
    <row r="107" spans="1:19" ht="22.5" customHeight="1" x14ac:dyDescent="0.45">
      <c r="A107" s="7"/>
      <c r="B107" s="7"/>
      <c r="C107" s="7"/>
      <c r="D107" s="7"/>
      <c r="E107" s="7"/>
      <c r="F107" s="7"/>
      <c r="G107" s="7"/>
      <c r="H107" s="7"/>
      <c r="I107" s="29"/>
      <c r="J107" s="7"/>
      <c r="K107" s="7"/>
      <c r="L107" s="7"/>
      <c r="M107" s="7"/>
      <c r="N107" s="7"/>
      <c r="O107" s="7"/>
      <c r="P107" s="7"/>
      <c r="Q107" s="7"/>
      <c r="R107" s="29"/>
      <c r="S107" s="29"/>
    </row>
    <row r="108" spans="1:19" ht="22.5" customHeight="1" x14ac:dyDescent="0.45">
      <c r="A108" s="7"/>
      <c r="B108" s="7"/>
      <c r="C108" s="7"/>
      <c r="D108" s="7"/>
      <c r="E108" s="7"/>
      <c r="F108" s="7"/>
      <c r="G108" s="7"/>
      <c r="H108" s="7"/>
      <c r="I108" s="29"/>
      <c r="J108" s="7"/>
      <c r="K108" s="7"/>
      <c r="L108" s="7"/>
      <c r="M108" s="7"/>
      <c r="N108" s="7"/>
      <c r="O108" s="7"/>
      <c r="P108" s="7"/>
      <c r="Q108" s="7"/>
      <c r="R108" s="29"/>
      <c r="S108" s="29"/>
    </row>
    <row r="109" spans="1:19" ht="22.5" customHeight="1" x14ac:dyDescent="0.45">
      <c r="I109" s="30"/>
      <c r="R109" s="30"/>
      <c r="S109" s="30"/>
    </row>
    <row r="110" spans="1:19" ht="22.5" customHeight="1" x14ac:dyDescent="0.45">
      <c r="I110" s="30"/>
      <c r="R110" s="30"/>
      <c r="S110" s="30"/>
    </row>
    <row r="111" spans="1:19" ht="22.5" customHeight="1" x14ac:dyDescent="0.45">
      <c r="I111" s="30"/>
      <c r="R111" s="30"/>
      <c r="S111" s="30"/>
    </row>
    <row r="112" spans="1:19" ht="22.5" customHeight="1" x14ac:dyDescent="0.45">
      <c r="I112" s="30"/>
      <c r="R112" s="30"/>
      <c r="S112" s="30"/>
    </row>
    <row r="113" spans="9:19" ht="22.5" customHeight="1" x14ac:dyDescent="0.45">
      <c r="I113" s="30"/>
      <c r="R113" s="30"/>
      <c r="S113" s="30"/>
    </row>
    <row r="114" spans="9:19" ht="22.5" customHeight="1" x14ac:dyDescent="0.45">
      <c r="I114" s="30"/>
      <c r="R114" s="30"/>
      <c r="S114" s="30"/>
    </row>
    <row r="115" spans="9:19" ht="22.5" customHeight="1" x14ac:dyDescent="0.45">
      <c r="I115" s="30"/>
      <c r="R115" s="30"/>
      <c r="S115" s="30"/>
    </row>
    <row r="116" spans="9:19" ht="22.5" customHeight="1" x14ac:dyDescent="0.45">
      <c r="I116" s="30"/>
      <c r="R116" s="30"/>
      <c r="S116" s="30"/>
    </row>
    <row r="117" spans="9:19" ht="22.5" customHeight="1" x14ac:dyDescent="0.45">
      <c r="I117" s="30"/>
      <c r="R117" s="30"/>
      <c r="S117" s="30"/>
    </row>
    <row r="118" spans="9:19" ht="22.5" customHeight="1" x14ac:dyDescent="0.45">
      <c r="I118" s="30"/>
      <c r="R118" s="30"/>
      <c r="S118" s="30"/>
    </row>
    <row r="119" spans="9:19" ht="22.5" customHeight="1" x14ac:dyDescent="0.45">
      <c r="I119" s="30"/>
      <c r="R119" s="30"/>
      <c r="S119" s="30"/>
    </row>
    <row r="120" spans="9:19" ht="22.5" customHeight="1" x14ac:dyDescent="0.45">
      <c r="I120" s="30"/>
      <c r="R120" s="30"/>
      <c r="S120" s="30"/>
    </row>
    <row r="121" spans="9:19" ht="22.5" customHeight="1" x14ac:dyDescent="0.45">
      <c r="I121" s="30"/>
      <c r="R121" s="30"/>
      <c r="S121" s="30"/>
    </row>
    <row r="122" spans="9:19" ht="22.5" customHeight="1" x14ac:dyDescent="0.45">
      <c r="I122" s="30"/>
      <c r="R122" s="30"/>
      <c r="S122" s="30"/>
    </row>
    <row r="123" spans="9:19" ht="22.5" customHeight="1" x14ac:dyDescent="0.45">
      <c r="I123" s="30"/>
      <c r="R123" s="30"/>
      <c r="S123" s="30"/>
    </row>
    <row r="124" spans="9:19" ht="22.5" customHeight="1" x14ac:dyDescent="0.45">
      <c r="I124" s="30"/>
      <c r="R124" s="30"/>
      <c r="S124" s="30"/>
    </row>
    <row r="125" spans="9:19" ht="22.5" customHeight="1" x14ac:dyDescent="0.45">
      <c r="I125" s="30"/>
      <c r="R125" s="30"/>
      <c r="S125" s="30"/>
    </row>
    <row r="126" spans="9:19" ht="22.5" customHeight="1" x14ac:dyDescent="0.45">
      <c r="I126" s="30"/>
      <c r="R126" s="30"/>
      <c r="S126" s="30"/>
    </row>
    <row r="127" spans="9:19" ht="22.5" customHeight="1" x14ac:dyDescent="0.45">
      <c r="I127" s="30"/>
      <c r="R127" s="30"/>
      <c r="S127" s="30"/>
    </row>
    <row r="128" spans="9:19" ht="22.5" customHeight="1" x14ac:dyDescent="0.45">
      <c r="I128" s="30"/>
      <c r="R128" s="30"/>
      <c r="S128" s="30"/>
    </row>
    <row r="129" spans="9:19" ht="22.5" customHeight="1" x14ac:dyDescent="0.45">
      <c r="I129" s="30"/>
      <c r="R129" s="30"/>
      <c r="S129" s="30"/>
    </row>
    <row r="130" spans="9:19" ht="22.5" customHeight="1" x14ac:dyDescent="0.45">
      <c r="I130" s="30"/>
      <c r="R130" s="30"/>
      <c r="S130" s="30"/>
    </row>
    <row r="131" spans="9:19" ht="22.5" customHeight="1" x14ac:dyDescent="0.45">
      <c r="I131" s="30"/>
      <c r="R131" s="30"/>
      <c r="S131" s="30"/>
    </row>
    <row r="132" spans="9:19" ht="22.5" customHeight="1" x14ac:dyDescent="0.45">
      <c r="I132" s="30"/>
      <c r="R132" s="30"/>
      <c r="S132" s="30"/>
    </row>
    <row r="133" spans="9:19" ht="22.5" customHeight="1" x14ac:dyDescent="0.45">
      <c r="I133" s="30"/>
      <c r="R133" s="30"/>
      <c r="S133" s="30"/>
    </row>
    <row r="134" spans="9:19" ht="22.5" customHeight="1" x14ac:dyDescent="0.45">
      <c r="I134" s="30"/>
      <c r="R134" s="30"/>
      <c r="S134" s="30"/>
    </row>
    <row r="135" spans="9:19" ht="22.5" customHeight="1" x14ac:dyDescent="0.45">
      <c r="I135" s="30"/>
      <c r="R135" s="30"/>
      <c r="S135" s="30"/>
    </row>
    <row r="136" spans="9:19" ht="22.5" customHeight="1" x14ac:dyDescent="0.45">
      <c r="I136" s="30"/>
      <c r="R136" s="30"/>
      <c r="S136" s="30"/>
    </row>
    <row r="137" spans="9:19" ht="22.5" customHeight="1" x14ac:dyDescent="0.45">
      <c r="I137" s="30"/>
      <c r="R137" s="30"/>
      <c r="S137" s="30"/>
    </row>
    <row r="138" spans="9:19" ht="22.5" customHeight="1" x14ac:dyDescent="0.45">
      <c r="I138" s="30"/>
      <c r="R138" s="30"/>
      <c r="S138" s="30"/>
    </row>
    <row r="139" spans="9:19" ht="22.5" customHeight="1" x14ac:dyDescent="0.45">
      <c r="I139" s="30"/>
      <c r="R139" s="30"/>
      <c r="S139" s="30"/>
    </row>
    <row r="140" spans="9:19" ht="22.5" customHeight="1" x14ac:dyDescent="0.45">
      <c r="I140" s="30"/>
      <c r="R140" s="30"/>
      <c r="S140" s="30"/>
    </row>
    <row r="141" spans="9:19" ht="22.5" customHeight="1" x14ac:dyDescent="0.45">
      <c r="I141" s="30"/>
      <c r="R141" s="30"/>
      <c r="S141" s="30"/>
    </row>
    <row r="142" spans="9:19" ht="22.5" customHeight="1" x14ac:dyDescent="0.45">
      <c r="I142" s="30"/>
      <c r="R142" s="30"/>
      <c r="S142" s="30"/>
    </row>
    <row r="143" spans="9:19" ht="22.5" customHeight="1" x14ac:dyDescent="0.45">
      <c r="I143" s="30"/>
      <c r="R143" s="30"/>
      <c r="S143" s="30"/>
    </row>
    <row r="144" spans="9:19" ht="22.5" customHeight="1" x14ac:dyDescent="0.45">
      <c r="I144" s="30"/>
      <c r="R144" s="30"/>
      <c r="S144" s="30"/>
    </row>
    <row r="145" spans="9:19" ht="22.5" customHeight="1" x14ac:dyDescent="0.45">
      <c r="I145" s="30"/>
      <c r="R145" s="30"/>
      <c r="S145" s="30"/>
    </row>
    <row r="146" spans="9:19" ht="22.5" customHeight="1" x14ac:dyDescent="0.45">
      <c r="I146" s="30"/>
      <c r="R146" s="30"/>
      <c r="S146" s="30"/>
    </row>
    <row r="147" spans="9:19" ht="22.5" customHeight="1" x14ac:dyDescent="0.45">
      <c r="I147" s="30"/>
      <c r="R147" s="30"/>
      <c r="S147" s="30"/>
    </row>
    <row r="148" spans="9:19" ht="22.5" customHeight="1" x14ac:dyDescent="0.45">
      <c r="I148" s="30"/>
      <c r="R148" s="30"/>
      <c r="S148" s="30"/>
    </row>
    <row r="149" spans="9:19" ht="22.5" customHeight="1" x14ac:dyDescent="0.45">
      <c r="I149" s="30"/>
      <c r="R149" s="30"/>
      <c r="S149" s="30"/>
    </row>
    <row r="150" spans="9:19" ht="22.5" customHeight="1" x14ac:dyDescent="0.45">
      <c r="I150" s="30"/>
      <c r="R150" s="30"/>
      <c r="S150" s="30"/>
    </row>
    <row r="151" spans="9:19" ht="22.5" customHeight="1" x14ac:dyDescent="0.45">
      <c r="I151" s="30"/>
      <c r="R151" s="30"/>
      <c r="S151" s="30"/>
    </row>
    <row r="152" spans="9:19" ht="22.5" customHeight="1" x14ac:dyDescent="0.45">
      <c r="I152" s="30"/>
      <c r="R152" s="30"/>
      <c r="S152" s="30"/>
    </row>
    <row r="153" spans="9:19" ht="22.5" customHeight="1" x14ac:dyDescent="0.45">
      <c r="I153" s="30"/>
      <c r="R153" s="30"/>
      <c r="S153" s="30"/>
    </row>
    <row r="154" spans="9:19" ht="22.5" customHeight="1" x14ac:dyDescent="0.45">
      <c r="I154" s="30"/>
      <c r="R154" s="30"/>
      <c r="S154" s="30"/>
    </row>
    <row r="155" spans="9:19" ht="22.5" customHeight="1" x14ac:dyDescent="0.45">
      <c r="I155" s="30"/>
      <c r="R155" s="30"/>
      <c r="S155" s="30"/>
    </row>
    <row r="156" spans="9:19" ht="22.5" customHeight="1" x14ac:dyDescent="0.45">
      <c r="I156" s="30"/>
      <c r="R156" s="30"/>
      <c r="S156" s="30"/>
    </row>
    <row r="157" spans="9:19" ht="22.5" customHeight="1" x14ac:dyDescent="0.45">
      <c r="I157" s="30"/>
      <c r="R157" s="30"/>
      <c r="S157" s="30"/>
    </row>
    <row r="158" spans="9:19" ht="22.5" customHeight="1" x14ac:dyDescent="0.45">
      <c r="I158" s="30"/>
      <c r="R158" s="30"/>
      <c r="S158" s="30"/>
    </row>
    <row r="159" spans="9:19" ht="22.5" customHeight="1" x14ac:dyDescent="0.45">
      <c r="I159" s="30"/>
      <c r="R159" s="30"/>
      <c r="S159" s="30"/>
    </row>
    <row r="160" spans="9:19" ht="22.5" customHeight="1" x14ac:dyDescent="0.45">
      <c r="I160" s="30"/>
      <c r="R160" s="30"/>
      <c r="S160" s="30"/>
    </row>
    <row r="161" spans="9:19" ht="22.5" customHeight="1" x14ac:dyDescent="0.45">
      <c r="I161" s="30"/>
      <c r="R161" s="30"/>
      <c r="S161" s="30"/>
    </row>
    <row r="162" spans="9:19" ht="22.5" customHeight="1" x14ac:dyDescent="0.45">
      <c r="I162" s="30"/>
      <c r="R162" s="30"/>
      <c r="S162" s="30"/>
    </row>
    <row r="163" spans="9:19" ht="22.5" customHeight="1" x14ac:dyDescent="0.45">
      <c r="I163" s="30"/>
      <c r="R163" s="30"/>
      <c r="S163" s="30"/>
    </row>
    <row r="164" spans="9:19" ht="22.5" customHeight="1" x14ac:dyDescent="0.45">
      <c r="I164" s="30"/>
      <c r="R164" s="30"/>
      <c r="S164" s="30"/>
    </row>
    <row r="165" spans="9:19" ht="22.5" customHeight="1" x14ac:dyDescent="0.45">
      <c r="I165" s="30"/>
      <c r="R165" s="30"/>
      <c r="S165" s="30"/>
    </row>
    <row r="166" spans="9:19" ht="22.5" customHeight="1" x14ac:dyDescent="0.45">
      <c r="I166" s="30"/>
      <c r="R166" s="30"/>
      <c r="S166" s="30"/>
    </row>
    <row r="167" spans="9:19" ht="22.5" customHeight="1" x14ac:dyDescent="0.45">
      <c r="I167" s="30"/>
      <c r="R167" s="30"/>
      <c r="S167" s="30"/>
    </row>
    <row r="168" spans="9:19" ht="22.5" customHeight="1" x14ac:dyDescent="0.45">
      <c r="I168" s="30"/>
      <c r="R168" s="30"/>
      <c r="S168" s="30"/>
    </row>
    <row r="169" spans="9:19" ht="22.5" customHeight="1" x14ac:dyDescent="0.45">
      <c r="I169" s="30"/>
      <c r="R169" s="30"/>
      <c r="S169" s="30"/>
    </row>
    <row r="170" spans="9:19" ht="22.5" customHeight="1" x14ac:dyDescent="0.45">
      <c r="I170" s="30"/>
      <c r="R170" s="30"/>
      <c r="S170" s="30"/>
    </row>
    <row r="171" spans="9:19" ht="22.5" customHeight="1" x14ac:dyDescent="0.45">
      <c r="I171" s="30"/>
      <c r="R171" s="30"/>
      <c r="S171" s="30"/>
    </row>
    <row r="172" spans="9:19" ht="22.5" customHeight="1" x14ac:dyDescent="0.45">
      <c r="I172" s="30"/>
      <c r="R172" s="30"/>
      <c r="S172" s="30"/>
    </row>
    <row r="173" spans="9:19" ht="22.5" customHeight="1" x14ac:dyDescent="0.45">
      <c r="I173" s="30"/>
      <c r="R173" s="30"/>
      <c r="S173" s="30"/>
    </row>
    <row r="174" spans="9:19" ht="22.5" customHeight="1" x14ac:dyDescent="0.45">
      <c r="I174" s="30"/>
      <c r="R174" s="30"/>
      <c r="S174" s="30"/>
    </row>
    <row r="175" spans="9:19" ht="22.5" customHeight="1" x14ac:dyDescent="0.45">
      <c r="I175" s="30"/>
      <c r="R175" s="30"/>
      <c r="S175" s="30"/>
    </row>
    <row r="176" spans="9:19" ht="22.5" customHeight="1" x14ac:dyDescent="0.45">
      <c r="I176" s="30"/>
      <c r="R176" s="30"/>
      <c r="S176" s="30"/>
    </row>
    <row r="177" spans="9:19" ht="22.5" customHeight="1" x14ac:dyDescent="0.45">
      <c r="I177" s="30"/>
      <c r="R177" s="30"/>
      <c r="S177" s="30"/>
    </row>
    <row r="178" spans="9:19" ht="22.5" customHeight="1" x14ac:dyDescent="0.45">
      <c r="I178" s="30"/>
      <c r="R178" s="30"/>
      <c r="S178" s="30"/>
    </row>
    <row r="179" spans="9:19" ht="22.5" customHeight="1" x14ac:dyDescent="0.45">
      <c r="I179" s="30"/>
      <c r="R179" s="30"/>
      <c r="S179" s="30"/>
    </row>
    <row r="180" spans="9:19" ht="22.5" customHeight="1" x14ac:dyDescent="0.45">
      <c r="I180" s="30"/>
      <c r="R180" s="30"/>
      <c r="S180" s="30"/>
    </row>
    <row r="181" spans="9:19" ht="22.5" customHeight="1" x14ac:dyDescent="0.45">
      <c r="I181" s="30"/>
      <c r="R181" s="30"/>
      <c r="S181" s="30"/>
    </row>
    <row r="182" spans="9:19" ht="22.5" customHeight="1" x14ac:dyDescent="0.45">
      <c r="I182" s="30"/>
      <c r="R182" s="30"/>
      <c r="S182" s="30"/>
    </row>
    <row r="183" spans="9:19" ht="22.5" customHeight="1" x14ac:dyDescent="0.45">
      <c r="I183" s="30"/>
      <c r="R183" s="30"/>
      <c r="S183" s="30"/>
    </row>
    <row r="184" spans="9:19" ht="22.5" customHeight="1" x14ac:dyDescent="0.45">
      <c r="I184" s="30"/>
      <c r="R184" s="30"/>
      <c r="S184" s="30"/>
    </row>
    <row r="185" spans="9:19" ht="22.5" customHeight="1" x14ac:dyDescent="0.45">
      <c r="I185" s="30"/>
      <c r="R185" s="30"/>
      <c r="S185" s="30"/>
    </row>
    <row r="186" spans="9:19" ht="22.5" customHeight="1" x14ac:dyDescent="0.45">
      <c r="I186" s="30"/>
      <c r="R186" s="30"/>
      <c r="S186" s="30"/>
    </row>
    <row r="187" spans="9:19" ht="22.5" customHeight="1" x14ac:dyDescent="0.45">
      <c r="I187" s="30"/>
      <c r="R187" s="30"/>
      <c r="S187" s="30"/>
    </row>
    <row r="188" spans="9:19" ht="22.5" customHeight="1" x14ac:dyDescent="0.45">
      <c r="I188" s="30"/>
      <c r="R188" s="30"/>
      <c r="S188" s="30"/>
    </row>
    <row r="189" spans="9:19" ht="22.5" customHeight="1" x14ac:dyDescent="0.45">
      <c r="I189" s="30"/>
      <c r="R189" s="30"/>
      <c r="S189" s="30"/>
    </row>
    <row r="190" spans="9:19" ht="22.5" customHeight="1" x14ac:dyDescent="0.45">
      <c r="I190" s="30"/>
      <c r="R190" s="30"/>
      <c r="S190" s="30"/>
    </row>
    <row r="191" spans="9:19" ht="22.5" customHeight="1" x14ac:dyDescent="0.45">
      <c r="I191" s="30"/>
      <c r="R191" s="30"/>
      <c r="S191" s="30"/>
    </row>
    <row r="192" spans="9:19" ht="22.5" customHeight="1" x14ac:dyDescent="0.45">
      <c r="I192" s="30"/>
      <c r="R192" s="30"/>
      <c r="S192" s="30"/>
    </row>
    <row r="193" spans="9:19" ht="22.5" customHeight="1" x14ac:dyDescent="0.45">
      <c r="I193" s="30"/>
      <c r="R193" s="30"/>
      <c r="S193" s="30"/>
    </row>
    <row r="194" spans="9:19" ht="22.5" customHeight="1" x14ac:dyDescent="0.45">
      <c r="I194" s="30"/>
      <c r="R194" s="30"/>
      <c r="S194" s="30"/>
    </row>
    <row r="195" spans="9:19" ht="22.5" customHeight="1" x14ac:dyDescent="0.45">
      <c r="I195" s="30"/>
      <c r="R195" s="30"/>
      <c r="S195" s="30"/>
    </row>
    <row r="196" spans="9:19" ht="22.5" customHeight="1" x14ac:dyDescent="0.45">
      <c r="I196" s="30"/>
      <c r="R196" s="30"/>
      <c r="S196" s="30"/>
    </row>
    <row r="197" spans="9:19" ht="22.5" customHeight="1" x14ac:dyDescent="0.45">
      <c r="I197" s="30"/>
      <c r="R197" s="30"/>
      <c r="S197" s="30"/>
    </row>
    <row r="198" spans="9:19" ht="22.5" customHeight="1" x14ac:dyDescent="0.45">
      <c r="I198" s="30"/>
      <c r="R198" s="30"/>
      <c r="S198" s="30"/>
    </row>
    <row r="199" spans="9:19" ht="22.5" customHeight="1" x14ac:dyDescent="0.45">
      <c r="I199" s="30"/>
      <c r="R199" s="30"/>
      <c r="S199" s="30"/>
    </row>
    <row r="200" spans="9:19" ht="22.5" customHeight="1" x14ac:dyDescent="0.45">
      <c r="I200" s="30"/>
      <c r="R200" s="30"/>
      <c r="S200" s="30"/>
    </row>
  </sheetData>
  <sheetProtection selectLockedCells="1" selectUnlockedCells="1"/>
  <mergeCells count="16">
    <mergeCell ref="J10:M10"/>
    <mergeCell ref="N10:P10"/>
    <mergeCell ref="K14:M14"/>
    <mergeCell ref="N14:P14"/>
    <mergeCell ref="B15:D15"/>
    <mergeCell ref="J11:M11"/>
    <mergeCell ref="N11:P11"/>
    <mergeCell ref="J12:M12"/>
    <mergeCell ref="N12:P12"/>
    <mergeCell ref="J13:M13"/>
    <mergeCell ref="N13:P13"/>
    <mergeCell ref="B6:R6"/>
    <mergeCell ref="B7:R7"/>
    <mergeCell ref="B9:D9"/>
    <mergeCell ref="J9:M9"/>
    <mergeCell ref="N9:P9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3" orientation="portrait" blackAndWhite="1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12"/>
  <dimension ref="A1:M192"/>
  <sheetViews>
    <sheetView showGridLines="0" view="pageBreakPreview" zoomScale="50" zoomScaleNormal="60" zoomScaleSheetLayoutView="50" workbookViewId="0"/>
  </sheetViews>
  <sheetFormatPr defaultColWidth="8.8984375" defaultRowHeight="22.5" customHeight="1" x14ac:dyDescent="0.45"/>
  <cols>
    <col min="1" max="1" width="7.5" style="37" customWidth="1"/>
    <col min="2" max="2" width="11.09765625" style="37" customWidth="1"/>
    <col min="3" max="8" width="7.5" style="37" customWidth="1"/>
    <col min="9" max="9" width="28.09765625" style="37" customWidth="1"/>
    <col min="10" max="10" width="50" style="37" customWidth="1"/>
    <col min="11" max="11" width="2.5" style="37" customWidth="1"/>
    <col min="12" max="12" width="11.09765625" style="37" customWidth="1"/>
    <col min="13" max="13" width="7.5" style="37" customWidth="1"/>
    <col min="14" max="16384" width="8.8984375" style="1"/>
  </cols>
  <sheetData>
    <row r="1" spans="1:13" ht="22.5" customHeight="1" x14ac:dyDescent="0.45">
      <c r="A1" s="1"/>
      <c r="B1" s="2" t="s">
        <v>12</v>
      </c>
      <c r="C1" s="1"/>
      <c r="D1" s="1"/>
      <c r="E1" s="1"/>
      <c r="F1" s="1"/>
      <c r="G1" s="1"/>
      <c r="H1" s="1"/>
      <c r="I1" s="1"/>
      <c r="J1" s="1"/>
      <c r="K1" s="1"/>
      <c r="L1" s="1"/>
      <c r="M1" s="1"/>
    </row>
    <row r="2" spans="1:13" ht="22.5" customHeight="1" x14ac:dyDescent="0.45">
      <c r="A2" s="1"/>
      <c r="B2" s="2" t="s">
        <v>74</v>
      </c>
      <c r="C2" s="1"/>
      <c r="D2" s="1"/>
      <c r="E2" s="1"/>
      <c r="F2" s="1"/>
      <c r="G2" s="1"/>
      <c r="H2" s="1"/>
      <c r="I2" s="1"/>
      <c r="J2" s="1"/>
      <c r="K2" s="1"/>
      <c r="L2" s="1"/>
      <c r="M2" s="1"/>
    </row>
    <row r="3" spans="1:13" ht="22.5" customHeight="1" x14ac:dyDescent="0.45">
      <c r="A3" s="1"/>
      <c r="B3" s="2"/>
      <c r="C3" s="1"/>
      <c r="D3" s="1"/>
      <c r="E3" s="1"/>
      <c r="F3" s="1"/>
      <c r="G3" s="1"/>
      <c r="H3" s="1"/>
      <c r="I3" s="1"/>
      <c r="J3" s="1"/>
      <c r="K3" s="1"/>
      <c r="L3" s="1"/>
      <c r="M3" s="1"/>
    </row>
    <row r="4" spans="1:13" ht="22.5" customHeight="1" x14ac:dyDescent="0.45">
      <c r="A4" s="31"/>
      <c r="B4" s="18"/>
      <c r="C4" s="18"/>
      <c r="D4" s="18"/>
      <c r="E4" s="18"/>
      <c r="F4" s="18"/>
      <c r="G4" s="18"/>
      <c r="H4" s="18"/>
      <c r="I4" s="18"/>
      <c r="J4" s="18"/>
      <c r="K4" s="18"/>
      <c r="L4" s="18"/>
      <c r="M4" s="21"/>
    </row>
    <row r="5" spans="1:13" ht="22.5" customHeight="1" x14ac:dyDescent="0.25">
      <c r="A5" s="32"/>
      <c r="B5" s="23"/>
      <c r="C5" s="33"/>
      <c r="D5" s="33"/>
      <c r="E5" s="33"/>
      <c r="F5" s="33"/>
      <c r="G5" s="33"/>
      <c r="H5" s="33"/>
      <c r="I5" s="33"/>
      <c r="J5" s="23"/>
      <c r="K5" s="33"/>
      <c r="L5" s="33"/>
      <c r="M5" s="34"/>
    </row>
    <row r="6" spans="1:13" ht="28.2" x14ac:dyDescent="0.35">
      <c r="A6" s="35"/>
      <c r="B6" s="143" t="s">
        <v>3</v>
      </c>
      <c r="C6" s="143"/>
      <c r="D6" s="143"/>
      <c r="E6" s="143"/>
      <c r="F6" s="143"/>
      <c r="G6" s="143"/>
      <c r="H6" s="143"/>
      <c r="I6" s="143"/>
      <c r="J6" s="143"/>
      <c r="K6" s="143"/>
      <c r="L6" s="144"/>
      <c r="M6" s="36"/>
    </row>
    <row r="7" spans="1:13" ht="22.5" customHeight="1" x14ac:dyDescent="0.25">
      <c r="A7" s="32"/>
      <c r="B7" s="145" t="s">
        <v>118</v>
      </c>
      <c r="C7" s="145"/>
      <c r="D7" s="145"/>
      <c r="E7" s="145"/>
      <c r="F7" s="145"/>
      <c r="G7" s="145"/>
      <c r="H7" s="145"/>
      <c r="I7" s="145"/>
      <c r="J7" s="145"/>
      <c r="K7" s="145"/>
      <c r="L7" s="146"/>
      <c r="M7" s="34"/>
    </row>
    <row r="8" spans="1:13" ht="22.5" hidden="1" customHeight="1" x14ac:dyDescent="0.45">
      <c r="A8" s="32"/>
      <c r="M8" s="34"/>
    </row>
    <row r="9" spans="1:13" ht="22.5" hidden="1" customHeight="1" x14ac:dyDescent="0.45">
      <c r="A9" s="32"/>
      <c r="M9" s="34"/>
    </row>
    <row r="10" spans="1:13" ht="22.5" hidden="1" customHeight="1" x14ac:dyDescent="0.45">
      <c r="A10" s="32"/>
      <c r="M10" s="34"/>
    </row>
    <row r="11" spans="1:13" ht="22.5" hidden="1" customHeight="1" x14ac:dyDescent="0.45">
      <c r="A11" s="32"/>
      <c r="M11" s="34"/>
    </row>
    <row r="12" spans="1:13" ht="22.5" hidden="1" customHeight="1" x14ac:dyDescent="0.45">
      <c r="A12" s="32"/>
      <c r="M12" s="34"/>
    </row>
    <row r="13" spans="1:13" ht="22.5" hidden="1" customHeight="1" x14ac:dyDescent="0.45">
      <c r="A13" s="32"/>
      <c r="M13" s="34"/>
    </row>
    <row r="14" spans="1:13" ht="22.5" hidden="1" customHeight="1" x14ac:dyDescent="0.45">
      <c r="A14" s="32"/>
      <c r="M14" s="34"/>
    </row>
    <row r="15" spans="1:13" ht="19.2" x14ac:dyDescent="0.45">
      <c r="A15" s="32"/>
      <c r="M15" s="34"/>
    </row>
    <row r="16" spans="1:13" ht="22.5" customHeight="1" x14ac:dyDescent="0.45">
      <c r="A16" s="32"/>
      <c r="B16" s="147"/>
      <c r="C16" s="147"/>
      <c r="D16" s="147"/>
      <c r="E16" s="23"/>
      <c r="F16" s="38"/>
      <c r="G16" s="23"/>
      <c r="H16" s="23"/>
      <c r="I16" s="23"/>
      <c r="J16" s="23"/>
      <c r="K16" s="15" t="s">
        <v>2</v>
      </c>
      <c r="L16" s="15"/>
      <c r="M16" s="34"/>
    </row>
    <row r="17" spans="1:13" ht="22.5" customHeight="1" x14ac:dyDescent="0.45">
      <c r="A17" s="32"/>
      <c r="C17" s="39" t="s">
        <v>119</v>
      </c>
      <c r="D17" s="40"/>
      <c r="E17" s="40"/>
      <c r="F17" s="40"/>
      <c r="G17" s="40"/>
      <c r="H17" s="40"/>
      <c r="I17" s="18"/>
      <c r="J17" s="20">
        <v>0</v>
      </c>
      <c r="K17" s="22"/>
      <c r="M17" s="34"/>
    </row>
    <row r="18" spans="1:13" ht="22.5" customHeight="1" x14ac:dyDescent="0.45">
      <c r="A18" s="32"/>
      <c r="C18" s="115"/>
      <c r="D18" s="41" t="s">
        <v>120</v>
      </c>
      <c r="E18" s="41"/>
      <c r="F18" s="41"/>
      <c r="G18" s="41"/>
      <c r="H18" s="41"/>
      <c r="I18" s="42"/>
      <c r="J18" s="24">
        <v>0</v>
      </c>
      <c r="K18" s="116"/>
      <c r="M18" s="34"/>
    </row>
    <row r="19" spans="1:13" ht="22.5" customHeight="1" x14ac:dyDescent="0.45">
      <c r="A19" s="32"/>
      <c r="C19" s="115"/>
      <c r="D19" s="41" t="s">
        <v>121</v>
      </c>
      <c r="E19" s="41"/>
      <c r="F19" s="41"/>
      <c r="G19" s="41"/>
      <c r="H19" s="41"/>
      <c r="I19" s="42"/>
      <c r="J19" s="24">
        <v>0</v>
      </c>
      <c r="K19" s="116"/>
      <c r="M19" s="34"/>
    </row>
    <row r="20" spans="1:13" ht="22.5" customHeight="1" x14ac:dyDescent="0.45">
      <c r="A20" s="32"/>
      <c r="C20" s="115"/>
      <c r="D20" s="41" t="s">
        <v>122</v>
      </c>
      <c r="E20" s="41"/>
      <c r="F20" s="41"/>
      <c r="G20" s="41"/>
      <c r="H20" s="41"/>
      <c r="I20" s="42"/>
      <c r="J20" s="24">
        <v>0</v>
      </c>
      <c r="K20" s="116"/>
      <c r="M20" s="34"/>
    </row>
    <row r="21" spans="1:13" ht="22.5" customHeight="1" x14ac:dyDescent="0.45">
      <c r="A21" s="32"/>
      <c r="C21" s="115"/>
      <c r="D21" s="41" t="s">
        <v>123</v>
      </c>
      <c r="E21" s="41"/>
      <c r="F21" s="41"/>
      <c r="G21" s="41"/>
      <c r="H21" s="41"/>
      <c r="I21" s="42"/>
      <c r="J21" s="24">
        <v>0</v>
      </c>
      <c r="K21" s="116"/>
      <c r="M21" s="34"/>
    </row>
    <row r="22" spans="1:13" ht="22.5" customHeight="1" x14ac:dyDescent="0.45">
      <c r="A22" s="32"/>
      <c r="C22" s="115"/>
      <c r="D22" s="41" t="s">
        <v>124</v>
      </c>
      <c r="E22" s="41"/>
      <c r="F22" s="41"/>
      <c r="G22" s="41"/>
      <c r="H22" s="41"/>
      <c r="I22" s="42"/>
      <c r="J22" s="24">
        <v>0</v>
      </c>
      <c r="K22" s="116"/>
      <c r="M22" s="34"/>
    </row>
    <row r="23" spans="1:13" ht="22.5" customHeight="1" x14ac:dyDescent="0.45">
      <c r="A23" s="32"/>
      <c r="C23" s="115"/>
      <c r="D23" s="41" t="s">
        <v>125</v>
      </c>
      <c r="E23" s="41"/>
      <c r="F23" s="41"/>
      <c r="G23" s="41"/>
      <c r="H23" s="41"/>
      <c r="I23" s="42"/>
      <c r="J23" s="24">
        <v>0</v>
      </c>
      <c r="K23" s="116"/>
      <c r="M23" s="34"/>
    </row>
    <row r="24" spans="1:13" ht="22.5" customHeight="1" x14ac:dyDescent="0.45">
      <c r="A24" s="32"/>
      <c r="C24" s="115"/>
      <c r="D24" s="41" t="s">
        <v>126</v>
      </c>
      <c r="E24" s="41"/>
      <c r="F24" s="41"/>
      <c r="G24" s="41"/>
      <c r="H24" s="41"/>
      <c r="I24" s="42"/>
      <c r="J24" s="24">
        <v>0</v>
      </c>
      <c r="K24" s="116"/>
      <c r="M24" s="34"/>
    </row>
    <row r="25" spans="1:13" ht="22.5" customHeight="1" x14ac:dyDescent="0.45">
      <c r="A25" s="32"/>
      <c r="C25" s="115"/>
      <c r="D25" s="41" t="s">
        <v>127</v>
      </c>
      <c r="E25" s="41"/>
      <c r="F25" s="41"/>
      <c r="G25" s="41"/>
      <c r="H25" s="41"/>
      <c r="I25" s="42"/>
      <c r="J25" s="24">
        <v>0</v>
      </c>
      <c r="K25" s="116"/>
      <c r="M25" s="34"/>
    </row>
    <row r="26" spans="1:13" ht="22.5" customHeight="1" x14ac:dyDescent="0.45">
      <c r="A26" s="32"/>
      <c r="C26" s="115"/>
      <c r="D26" s="41" t="s">
        <v>128</v>
      </c>
      <c r="E26" s="41"/>
      <c r="F26" s="41"/>
      <c r="G26" s="41"/>
      <c r="H26" s="41"/>
      <c r="I26" s="42"/>
      <c r="J26" s="24">
        <v>0</v>
      </c>
      <c r="K26" s="116"/>
      <c r="M26" s="34"/>
    </row>
    <row r="27" spans="1:13" ht="22.5" customHeight="1" x14ac:dyDescent="0.45">
      <c r="A27" s="32"/>
      <c r="C27" s="115"/>
      <c r="D27" s="41" t="s">
        <v>129</v>
      </c>
      <c r="E27" s="41"/>
      <c r="F27" s="41"/>
      <c r="G27" s="41"/>
      <c r="H27" s="41"/>
      <c r="I27" s="42"/>
      <c r="J27" s="24">
        <v>0</v>
      </c>
      <c r="K27" s="116"/>
      <c r="M27" s="34"/>
    </row>
    <row r="28" spans="1:13" ht="22.5" customHeight="1" x14ac:dyDescent="0.45">
      <c r="A28" s="32"/>
      <c r="C28" s="115"/>
      <c r="D28" s="41"/>
      <c r="E28" s="41" t="s">
        <v>130</v>
      </c>
      <c r="F28" s="41"/>
      <c r="G28" s="41"/>
      <c r="H28" s="41"/>
      <c r="I28" s="42"/>
      <c r="J28" s="24">
        <v>0</v>
      </c>
      <c r="K28" s="116"/>
      <c r="M28" s="34"/>
    </row>
    <row r="29" spans="1:13" ht="22.5" customHeight="1" x14ac:dyDescent="0.45">
      <c r="A29" s="32"/>
      <c r="C29" s="115"/>
      <c r="D29" s="41"/>
      <c r="E29" s="41" t="s">
        <v>131</v>
      </c>
      <c r="F29" s="41"/>
      <c r="G29" s="41"/>
      <c r="H29" s="41"/>
      <c r="I29" s="42"/>
      <c r="J29" s="24">
        <v>0</v>
      </c>
      <c r="K29" s="116"/>
      <c r="M29" s="34"/>
    </row>
    <row r="30" spans="1:13" ht="22.5" customHeight="1" x14ac:dyDescent="0.45">
      <c r="A30" s="32"/>
      <c r="C30" s="115"/>
      <c r="D30" s="41"/>
      <c r="E30" s="41" t="s">
        <v>132</v>
      </c>
      <c r="F30" s="41"/>
      <c r="G30" s="41"/>
      <c r="H30" s="41"/>
      <c r="I30" s="42"/>
      <c r="J30" s="24">
        <v>0</v>
      </c>
      <c r="K30" s="116"/>
      <c r="M30" s="34"/>
    </row>
    <row r="31" spans="1:13" ht="22.5" customHeight="1" x14ac:dyDescent="0.45">
      <c r="A31" s="32"/>
      <c r="C31" s="115"/>
      <c r="D31" s="41" t="s">
        <v>133</v>
      </c>
      <c r="E31" s="41"/>
      <c r="F31" s="41"/>
      <c r="G31" s="41"/>
      <c r="H31" s="41"/>
      <c r="I31" s="42"/>
      <c r="J31" s="24">
        <v>0</v>
      </c>
      <c r="K31" s="116"/>
      <c r="M31" s="34"/>
    </row>
    <row r="32" spans="1:13" ht="22.5" customHeight="1" x14ac:dyDescent="0.45">
      <c r="A32" s="32"/>
      <c r="C32" s="115"/>
      <c r="D32" s="41" t="s">
        <v>134</v>
      </c>
      <c r="E32" s="41"/>
      <c r="F32" s="41"/>
      <c r="G32" s="41"/>
      <c r="H32" s="41"/>
      <c r="I32" s="42"/>
      <c r="J32" s="24">
        <v>0</v>
      </c>
      <c r="K32" s="116"/>
      <c r="M32" s="34"/>
    </row>
    <row r="33" spans="1:13" ht="22.5" customHeight="1" x14ac:dyDescent="0.45">
      <c r="A33" s="32"/>
      <c r="C33" s="117"/>
      <c r="D33" s="118" t="s">
        <v>135</v>
      </c>
      <c r="E33" s="118"/>
      <c r="F33" s="118"/>
      <c r="G33" s="118"/>
      <c r="H33" s="118"/>
      <c r="I33" s="119"/>
      <c r="J33" s="120">
        <v>0</v>
      </c>
      <c r="K33" s="121"/>
      <c r="M33" s="34"/>
    </row>
    <row r="34" spans="1:13" ht="22.5" customHeight="1" x14ac:dyDescent="0.45">
      <c r="A34" s="32"/>
      <c r="C34" s="115" t="s">
        <v>136</v>
      </c>
      <c r="D34" s="41"/>
      <c r="E34" s="41"/>
      <c r="F34" s="41"/>
      <c r="G34" s="41"/>
      <c r="H34" s="41"/>
      <c r="I34" s="42"/>
      <c r="J34" s="26">
        <v>320431898</v>
      </c>
      <c r="K34" s="116"/>
      <c r="M34" s="34"/>
    </row>
    <row r="35" spans="1:13" ht="22.5" customHeight="1" x14ac:dyDescent="0.45">
      <c r="A35" s="32"/>
      <c r="C35" s="115"/>
      <c r="D35" s="41" t="s">
        <v>137</v>
      </c>
      <c r="E35" s="41"/>
      <c r="F35" s="41"/>
      <c r="G35" s="41"/>
      <c r="H35" s="41"/>
      <c r="I35" s="42"/>
      <c r="J35" s="24">
        <v>0</v>
      </c>
      <c r="K35" s="122"/>
      <c r="M35" s="34"/>
    </row>
    <row r="36" spans="1:13" ht="22.5" customHeight="1" x14ac:dyDescent="0.45">
      <c r="A36" s="32"/>
      <c r="C36" s="115"/>
      <c r="D36" s="41" t="s">
        <v>138</v>
      </c>
      <c r="E36" s="41"/>
      <c r="F36" s="41"/>
      <c r="G36" s="41"/>
      <c r="H36" s="41"/>
      <c r="I36" s="42"/>
      <c r="J36" s="24">
        <v>720066</v>
      </c>
      <c r="K36" s="122"/>
      <c r="M36" s="34"/>
    </row>
    <row r="37" spans="1:13" ht="22.5" customHeight="1" x14ac:dyDescent="0.45">
      <c r="A37" s="32"/>
      <c r="C37" s="115"/>
      <c r="D37" s="41" t="s">
        <v>139</v>
      </c>
      <c r="E37" s="41"/>
      <c r="F37" s="41"/>
      <c r="G37" s="41"/>
      <c r="H37" s="41"/>
      <c r="I37" s="42"/>
      <c r="J37" s="24">
        <v>3277919</v>
      </c>
      <c r="K37" s="122"/>
      <c r="M37" s="34"/>
    </row>
    <row r="38" spans="1:13" ht="22.5" customHeight="1" x14ac:dyDescent="0.45">
      <c r="A38" s="32"/>
      <c r="C38" s="115"/>
      <c r="D38" s="41" t="s">
        <v>140</v>
      </c>
      <c r="E38" s="41"/>
      <c r="F38" s="41"/>
      <c r="G38" s="41"/>
      <c r="H38" s="41"/>
      <c r="I38" s="42"/>
      <c r="J38" s="24">
        <v>0</v>
      </c>
      <c r="K38" s="122"/>
      <c r="M38" s="34"/>
    </row>
    <row r="39" spans="1:13" ht="22.5" customHeight="1" x14ac:dyDescent="0.45">
      <c r="A39" s="32"/>
      <c r="C39" s="115"/>
      <c r="D39" s="41" t="s">
        <v>141</v>
      </c>
      <c r="E39" s="41"/>
      <c r="F39" s="41"/>
      <c r="G39" s="41"/>
      <c r="H39" s="41"/>
      <c r="I39" s="42"/>
      <c r="J39" s="24">
        <v>0</v>
      </c>
      <c r="K39" s="122"/>
      <c r="M39" s="34"/>
    </row>
    <row r="40" spans="1:13" ht="22.5" customHeight="1" x14ac:dyDescent="0.45">
      <c r="A40" s="32"/>
      <c r="C40" s="115"/>
      <c r="D40" s="41" t="s">
        <v>142</v>
      </c>
      <c r="E40" s="41"/>
      <c r="F40" s="41"/>
      <c r="G40" s="41"/>
      <c r="H40" s="41"/>
      <c r="I40" s="42"/>
      <c r="J40" s="24">
        <v>0</v>
      </c>
      <c r="K40" s="122"/>
      <c r="M40" s="34"/>
    </row>
    <row r="41" spans="1:13" ht="22.5" customHeight="1" x14ac:dyDescent="0.45">
      <c r="A41" s="32"/>
      <c r="C41" s="115"/>
      <c r="D41" s="41" t="s">
        <v>143</v>
      </c>
      <c r="E41" s="41"/>
      <c r="F41" s="41"/>
      <c r="G41" s="41"/>
      <c r="H41" s="41"/>
      <c r="I41" s="42"/>
      <c r="J41" s="24">
        <v>0</v>
      </c>
      <c r="K41" s="122"/>
      <c r="M41" s="34"/>
    </row>
    <row r="42" spans="1:13" ht="22.5" customHeight="1" x14ac:dyDescent="0.45">
      <c r="A42" s="32"/>
      <c r="C42" s="115"/>
      <c r="D42" s="41" t="s">
        <v>144</v>
      </c>
      <c r="E42" s="41"/>
      <c r="F42" s="41"/>
      <c r="G42" s="41"/>
      <c r="H42" s="41"/>
      <c r="I42" s="42"/>
      <c r="J42" s="24">
        <v>0</v>
      </c>
      <c r="K42" s="122"/>
      <c r="M42" s="34"/>
    </row>
    <row r="43" spans="1:13" ht="22.5" customHeight="1" x14ac:dyDescent="0.45">
      <c r="A43" s="32"/>
      <c r="C43" s="115"/>
      <c r="D43" s="41" t="s">
        <v>145</v>
      </c>
      <c r="E43" s="41"/>
      <c r="F43" s="41"/>
      <c r="G43" s="41"/>
      <c r="H43" s="41"/>
      <c r="I43" s="42"/>
      <c r="J43" s="24">
        <v>0</v>
      </c>
      <c r="K43" s="122"/>
      <c r="M43" s="34"/>
    </row>
    <row r="44" spans="1:13" ht="22.5" customHeight="1" x14ac:dyDescent="0.45">
      <c r="A44" s="32"/>
      <c r="C44" s="115"/>
      <c r="D44" s="41" t="s">
        <v>146</v>
      </c>
      <c r="E44" s="41"/>
      <c r="F44" s="41"/>
      <c r="G44" s="41"/>
      <c r="H44" s="41"/>
      <c r="I44" s="42"/>
      <c r="J44" s="24">
        <v>0</v>
      </c>
      <c r="K44" s="122"/>
      <c r="M44" s="34"/>
    </row>
    <row r="45" spans="1:13" ht="22.5" customHeight="1" x14ac:dyDescent="0.45">
      <c r="A45" s="32"/>
      <c r="C45" s="115"/>
      <c r="D45" s="41" t="s">
        <v>147</v>
      </c>
      <c r="E45" s="41"/>
      <c r="F45" s="41"/>
      <c r="G45" s="41"/>
      <c r="H45" s="41"/>
      <c r="I45" s="42"/>
      <c r="J45" s="24">
        <v>0</v>
      </c>
      <c r="K45" s="122"/>
      <c r="M45" s="34"/>
    </row>
    <row r="46" spans="1:13" ht="22.5" customHeight="1" x14ac:dyDescent="0.45">
      <c r="A46" s="32"/>
      <c r="C46" s="115"/>
      <c r="D46" s="41" t="s">
        <v>148</v>
      </c>
      <c r="E46" s="41"/>
      <c r="F46" s="41"/>
      <c r="G46" s="41"/>
      <c r="H46" s="41"/>
      <c r="I46" s="42"/>
      <c r="J46" s="24">
        <v>0</v>
      </c>
      <c r="K46" s="122"/>
      <c r="M46" s="34"/>
    </row>
    <row r="47" spans="1:13" ht="22.5" customHeight="1" x14ac:dyDescent="0.45">
      <c r="A47" s="32"/>
      <c r="C47" s="115"/>
      <c r="D47" s="41" t="s">
        <v>149</v>
      </c>
      <c r="E47" s="41"/>
      <c r="F47" s="41"/>
      <c r="G47" s="41"/>
      <c r="H47" s="41"/>
      <c r="I47" s="42"/>
      <c r="J47" s="24">
        <v>316433913</v>
      </c>
      <c r="K47" s="122"/>
      <c r="M47" s="34"/>
    </row>
    <row r="48" spans="1:13" ht="22.5" customHeight="1" x14ac:dyDescent="0.45">
      <c r="A48" s="32"/>
      <c r="C48" s="115"/>
      <c r="D48" s="41" t="s">
        <v>150</v>
      </c>
      <c r="E48" s="41"/>
      <c r="F48" s="41"/>
      <c r="G48" s="41"/>
      <c r="H48" s="41"/>
      <c r="I48" s="42"/>
      <c r="J48" s="24">
        <v>0</v>
      </c>
      <c r="K48" s="122"/>
      <c r="M48" s="34"/>
    </row>
    <row r="49" spans="1:13" ht="22.5" customHeight="1" x14ac:dyDescent="0.45">
      <c r="A49" s="32"/>
      <c r="C49" s="115"/>
      <c r="D49" s="41"/>
      <c r="E49" s="41" t="s">
        <v>151</v>
      </c>
      <c r="F49" s="41"/>
      <c r="G49" s="41"/>
      <c r="H49" s="41"/>
      <c r="I49" s="42"/>
      <c r="J49" s="24">
        <v>0</v>
      </c>
      <c r="K49" s="122"/>
      <c r="M49" s="34"/>
    </row>
    <row r="50" spans="1:13" ht="22.5" customHeight="1" x14ac:dyDescent="0.45">
      <c r="A50" s="32"/>
      <c r="C50" s="115"/>
      <c r="D50" s="41"/>
      <c r="E50" s="41" t="s">
        <v>152</v>
      </c>
      <c r="F50" s="41"/>
      <c r="G50" s="41"/>
      <c r="H50" s="41"/>
      <c r="I50" s="42"/>
      <c r="J50" s="24">
        <v>0</v>
      </c>
      <c r="K50" s="122"/>
      <c r="M50" s="34"/>
    </row>
    <row r="51" spans="1:13" ht="22.5" customHeight="1" x14ac:dyDescent="0.45">
      <c r="A51" s="32"/>
      <c r="C51" s="115"/>
      <c r="D51" s="41"/>
      <c r="E51" s="41" t="s">
        <v>153</v>
      </c>
      <c r="F51" s="41"/>
      <c r="G51" s="41"/>
      <c r="H51" s="41"/>
      <c r="I51" s="42"/>
      <c r="J51" s="24">
        <v>0</v>
      </c>
      <c r="K51" s="122"/>
      <c r="M51" s="34"/>
    </row>
    <row r="52" spans="1:13" ht="22.5" customHeight="1" x14ac:dyDescent="0.45">
      <c r="A52" s="32"/>
      <c r="C52" s="115"/>
      <c r="D52" s="41" t="s">
        <v>154</v>
      </c>
      <c r="E52" s="41"/>
      <c r="F52" s="41"/>
      <c r="G52" s="41"/>
      <c r="H52" s="41"/>
      <c r="I52" s="42"/>
      <c r="J52" s="24">
        <v>0</v>
      </c>
      <c r="K52" s="122"/>
      <c r="M52" s="34"/>
    </row>
    <row r="53" spans="1:13" ht="22.5" customHeight="1" x14ac:dyDescent="0.45">
      <c r="A53" s="32"/>
      <c r="C53" s="111" t="s">
        <v>155</v>
      </c>
      <c r="D53" s="112"/>
      <c r="E53" s="112"/>
      <c r="F53" s="112"/>
      <c r="G53" s="112"/>
      <c r="H53" s="112"/>
      <c r="I53" s="113"/>
      <c r="J53" s="103">
        <v>-320431898</v>
      </c>
      <c r="K53" s="114"/>
      <c r="M53" s="34"/>
    </row>
    <row r="54" spans="1:13" ht="22.5" customHeight="1" x14ac:dyDescent="0.45">
      <c r="A54" s="32"/>
      <c r="C54" s="115" t="s">
        <v>156</v>
      </c>
      <c r="D54" s="41"/>
      <c r="E54" s="41"/>
      <c r="F54" s="41"/>
      <c r="G54" s="41"/>
      <c r="H54" s="41"/>
      <c r="I54" s="42"/>
      <c r="J54" s="26">
        <v>0</v>
      </c>
      <c r="K54" s="122"/>
      <c r="M54" s="34"/>
    </row>
    <row r="55" spans="1:13" ht="22.5" customHeight="1" x14ac:dyDescent="0.45">
      <c r="A55" s="32"/>
      <c r="C55" s="115"/>
      <c r="D55" s="41" t="s">
        <v>157</v>
      </c>
      <c r="E55" s="41"/>
      <c r="F55" s="41"/>
      <c r="G55" s="41"/>
      <c r="H55" s="41"/>
      <c r="I55" s="42"/>
      <c r="J55" s="24">
        <v>0</v>
      </c>
      <c r="K55" s="122"/>
      <c r="M55" s="34"/>
    </row>
    <row r="56" spans="1:13" ht="22.5" customHeight="1" x14ac:dyDescent="0.45">
      <c r="A56" s="32"/>
      <c r="C56" s="115"/>
      <c r="D56" s="41" t="s">
        <v>158</v>
      </c>
      <c r="E56" s="41"/>
      <c r="F56" s="41"/>
      <c r="G56" s="41"/>
      <c r="H56" s="41"/>
      <c r="I56" s="42"/>
      <c r="J56" s="24">
        <v>0</v>
      </c>
      <c r="K56" s="122"/>
      <c r="M56" s="34"/>
    </row>
    <row r="57" spans="1:13" ht="22.5" customHeight="1" x14ac:dyDescent="0.45">
      <c r="A57" s="32"/>
      <c r="C57" s="115"/>
      <c r="D57" s="41" t="s">
        <v>159</v>
      </c>
      <c r="E57" s="41"/>
      <c r="F57" s="41"/>
      <c r="G57" s="41"/>
      <c r="H57" s="41"/>
      <c r="I57" s="42"/>
      <c r="J57" s="24">
        <v>0</v>
      </c>
      <c r="K57" s="122"/>
      <c r="M57" s="34"/>
    </row>
    <row r="58" spans="1:13" ht="22.5" customHeight="1" x14ac:dyDescent="0.45">
      <c r="A58" s="32"/>
      <c r="C58" s="115"/>
      <c r="D58" s="41" t="s">
        <v>160</v>
      </c>
      <c r="E58" s="41"/>
      <c r="F58" s="41"/>
      <c r="G58" s="41"/>
      <c r="H58" s="41"/>
      <c r="I58" s="42"/>
      <c r="J58" s="24">
        <v>0</v>
      </c>
      <c r="K58" s="122"/>
      <c r="M58" s="34"/>
    </row>
    <row r="59" spans="1:13" ht="22.5" customHeight="1" x14ac:dyDescent="0.45">
      <c r="A59" s="32"/>
      <c r="C59" s="115" t="s">
        <v>161</v>
      </c>
      <c r="D59" s="41"/>
      <c r="E59" s="41"/>
      <c r="F59" s="41"/>
      <c r="G59" s="41"/>
      <c r="H59" s="41"/>
      <c r="I59" s="42"/>
      <c r="J59" s="24">
        <v>0</v>
      </c>
      <c r="K59" s="122"/>
      <c r="M59" s="34"/>
    </row>
    <row r="60" spans="1:13" ht="22.5" customHeight="1" x14ac:dyDescent="0.45">
      <c r="A60" s="32"/>
      <c r="C60" s="115"/>
      <c r="D60" s="41" t="s">
        <v>162</v>
      </c>
      <c r="E60" s="41"/>
      <c r="F60" s="41"/>
      <c r="G60" s="41"/>
      <c r="H60" s="41"/>
      <c r="I60" s="42"/>
      <c r="J60" s="24">
        <v>0</v>
      </c>
      <c r="K60" s="122"/>
      <c r="M60" s="34"/>
    </row>
    <row r="61" spans="1:13" ht="22.5" customHeight="1" x14ac:dyDescent="0.45">
      <c r="A61" s="32"/>
      <c r="C61" s="115"/>
      <c r="D61" s="41" t="s">
        <v>163</v>
      </c>
      <c r="E61" s="41"/>
      <c r="F61" s="41"/>
      <c r="G61" s="41"/>
      <c r="H61" s="41"/>
      <c r="I61" s="42"/>
      <c r="J61" s="24">
        <v>0</v>
      </c>
      <c r="K61" s="122"/>
      <c r="M61" s="34"/>
    </row>
    <row r="62" spans="1:13" ht="22.5" customHeight="1" x14ac:dyDescent="0.45">
      <c r="A62" s="32"/>
      <c r="C62" s="115"/>
      <c r="D62" s="41" t="s">
        <v>144</v>
      </c>
      <c r="E62" s="41"/>
      <c r="F62" s="41"/>
      <c r="G62" s="41"/>
      <c r="H62" s="41"/>
      <c r="I62" s="42"/>
      <c r="J62" s="24">
        <v>0</v>
      </c>
      <c r="K62" s="122"/>
      <c r="M62" s="34"/>
    </row>
    <row r="63" spans="1:13" ht="22.5" customHeight="1" x14ac:dyDescent="0.45">
      <c r="A63" s="32"/>
      <c r="C63" s="115"/>
      <c r="D63" s="41" t="s">
        <v>164</v>
      </c>
      <c r="E63" s="41"/>
      <c r="F63" s="41"/>
      <c r="G63" s="41"/>
      <c r="H63" s="41"/>
      <c r="I63" s="42"/>
      <c r="J63" s="24">
        <v>0</v>
      </c>
      <c r="K63" s="122"/>
      <c r="M63" s="34"/>
    </row>
    <row r="64" spans="1:13" ht="22.5" customHeight="1" x14ac:dyDescent="0.45">
      <c r="A64" s="32"/>
      <c r="C64" s="115"/>
      <c r="D64" s="41" t="s">
        <v>159</v>
      </c>
      <c r="E64" s="41"/>
      <c r="F64" s="41"/>
      <c r="G64" s="41"/>
      <c r="H64" s="41"/>
      <c r="I64" s="42"/>
      <c r="J64" s="24">
        <v>0</v>
      </c>
      <c r="K64" s="122"/>
      <c r="M64" s="34"/>
    </row>
    <row r="65" spans="1:13" ht="22.5" customHeight="1" x14ac:dyDescent="0.45">
      <c r="A65" s="32"/>
      <c r="C65" s="115"/>
      <c r="D65" s="41" t="s">
        <v>165</v>
      </c>
      <c r="E65" s="41"/>
      <c r="F65" s="41"/>
      <c r="G65" s="41"/>
      <c r="H65" s="41"/>
      <c r="I65" s="42"/>
      <c r="J65" s="24">
        <v>0</v>
      </c>
      <c r="K65" s="122"/>
      <c r="M65" s="34"/>
    </row>
    <row r="66" spans="1:13" ht="22.5" customHeight="1" x14ac:dyDescent="0.45">
      <c r="A66" s="32"/>
      <c r="C66" s="111" t="s">
        <v>166</v>
      </c>
      <c r="D66" s="112"/>
      <c r="E66" s="112"/>
      <c r="F66" s="112"/>
      <c r="G66" s="112"/>
      <c r="H66" s="112"/>
      <c r="I66" s="113"/>
      <c r="J66" s="103">
        <v>0</v>
      </c>
      <c r="K66" s="114"/>
      <c r="M66" s="34"/>
    </row>
    <row r="67" spans="1:13" ht="22.5" customHeight="1" x14ac:dyDescent="0.45">
      <c r="A67" s="32"/>
      <c r="B67" s="23"/>
      <c r="C67" s="111" t="s">
        <v>167</v>
      </c>
      <c r="D67" s="112"/>
      <c r="E67" s="112"/>
      <c r="F67" s="112"/>
      <c r="G67" s="112"/>
      <c r="H67" s="112"/>
      <c r="I67" s="113"/>
      <c r="J67" s="103">
        <v>316433913</v>
      </c>
      <c r="K67" s="114"/>
      <c r="M67" s="34"/>
    </row>
    <row r="68" spans="1:13" ht="22.5" customHeight="1" x14ac:dyDescent="0.45">
      <c r="A68" s="32"/>
      <c r="B68" s="23"/>
      <c r="C68" s="111" t="s">
        <v>168</v>
      </c>
      <c r="D68" s="102"/>
      <c r="E68" s="102"/>
      <c r="F68" s="102"/>
      <c r="G68" s="102"/>
      <c r="H68" s="102"/>
      <c r="I68" s="102"/>
      <c r="J68" s="105">
        <v>0</v>
      </c>
      <c r="K68" s="106"/>
      <c r="M68" s="34"/>
    </row>
    <row r="69" spans="1:13" ht="22.5" customHeight="1" x14ac:dyDescent="0.45">
      <c r="A69" s="32"/>
      <c r="B69" s="23"/>
      <c r="C69" s="111" t="s">
        <v>169</v>
      </c>
      <c r="D69" s="102"/>
      <c r="E69" s="102"/>
      <c r="F69" s="102"/>
      <c r="G69" s="102"/>
      <c r="H69" s="102"/>
      <c r="I69" s="102"/>
      <c r="J69" s="103">
        <v>-3997985</v>
      </c>
      <c r="K69" s="107"/>
      <c r="L69" s="24"/>
      <c r="M69" s="34"/>
    </row>
    <row r="70" spans="1:13" ht="22.5" customHeight="1" x14ac:dyDescent="0.45">
      <c r="A70" s="32"/>
      <c r="B70" s="23"/>
      <c r="C70" s="23"/>
      <c r="D70" s="23"/>
      <c r="E70" s="23"/>
      <c r="F70" s="23"/>
      <c r="G70" s="23"/>
      <c r="H70" s="23"/>
      <c r="I70" s="23"/>
      <c r="J70" s="24"/>
      <c r="K70" s="24"/>
      <c r="L70" s="24"/>
      <c r="M70" s="34"/>
    </row>
    <row r="71" spans="1:13" ht="22.5" customHeight="1" x14ac:dyDescent="0.45">
      <c r="A71" s="43"/>
      <c r="B71" s="44"/>
      <c r="C71" s="44"/>
      <c r="D71" s="44"/>
      <c r="E71" s="44"/>
      <c r="F71" s="44"/>
      <c r="G71" s="44"/>
      <c r="H71" s="44"/>
      <c r="I71" s="44"/>
      <c r="J71" s="45"/>
      <c r="K71" s="45"/>
      <c r="L71" s="45"/>
      <c r="M71" s="46"/>
    </row>
    <row r="72" spans="1:13" ht="22.5" customHeight="1" x14ac:dyDescent="0.45">
      <c r="A72" s="23"/>
      <c r="B72" s="23"/>
      <c r="C72" s="23"/>
      <c r="D72" s="23"/>
      <c r="E72" s="23"/>
      <c r="F72" s="23"/>
      <c r="G72" s="23"/>
      <c r="H72" s="23"/>
      <c r="I72" s="23"/>
      <c r="J72" s="26"/>
      <c r="K72" s="26"/>
      <c r="L72" s="26"/>
    </row>
    <row r="73" spans="1:13" ht="22.5" customHeight="1" x14ac:dyDescent="0.45">
      <c r="A73" s="23"/>
      <c r="B73" s="23"/>
      <c r="C73" s="23"/>
      <c r="D73" s="23"/>
      <c r="E73" s="23"/>
      <c r="F73" s="23"/>
      <c r="G73" s="23"/>
      <c r="H73" s="23"/>
      <c r="I73" s="23"/>
      <c r="J73" s="26"/>
      <c r="K73" s="26"/>
      <c r="L73" s="26"/>
    </row>
    <row r="74" spans="1:13" ht="22.5" customHeight="1" x14ac:dyDescent="0.45">
      <c r="A74" s="23"/>
      <c r="B74" s="23"/>
      <c r="C74" s="23"/>
      <c r="D74" s="23"/>
      <c r="E74" s="23"/>
      <c r="F74" s="23"/>
      <c r="G74" s="23"/>
      <c r="H74" s="23"/>
      <c r="I74" s="23"/>
      <c r="J74" s="26"/>
      <c r="K74" s="26"/>
      <c r="L74" s="26"/>
    </row>
    <row r="75" spans="1:13" ht="22.5" customHeight="1" x14ac:dyDescent="0.45">
      <c r="A75" s="23"/>
      <c r="B75" s="23"/>
      <c r="C75" s="23"/>
      <c r="D75" s="23"/>
      <c r="E75" s="23"/>
      <c r="F75" s="23"/>
      <c r="G75" s="23"/>
      <c r="H75" s="23"/>
      <c r="I75" s="23"/>
      <c r="J75" s="26"/>
      <c r="K75" s="26"/>
      <c r="L75" s="26"/>
    </row>
    <row r="76" spans="1:13" ht="22.5" customHeight="1" x14ac:dyDescent="0.45">
      <c r="A76" s="23"/>
      <c r="B76" s="23"/>
      <c r="C76" s="23"/>
      <c r="D76" s="23"/>
      <c r="E76" s="23"/>
      <c r="F76" s="23"/>
      <c r="G76" s="23"/>
      <c r="H76" s="23"/>
      <c r="I76" s="23"/>
      <c r="J76" s="26"/>
      <c r="K76" s="26"/>
      <c r="L76" s="26"/>
    </row>
    <row r="77" spans="1:13" ht="22.5" customHeight="1" x14ac:dyDescent="0.45">
      <c r="A77" s="23"/>
      <c r="B77" s="23"/>
      <c r="C77" s="23"/>
      <c r="D77" s="23"/>
      <c r="E77" s="23"/>
      <c r="F77" s="23"/>
      <c r="G77" s="23"/>
      <c r="H77" s="23"/>
      <c r="I77" s="23"/>
      <c r="J77" s="26"/>
      <c r="K77" s="26"/>
      <c r="L77" s="26"/>
    </row>
    <row r="78" spans="1:13" ht="22.5" customHeight="1" x14ac:dyDescent="0.45">
      <c r="A78" s="23"/>
      <c r="B78" s="23"/>
      <c r="C78" s="23"/>
      <c r="D78" s="23"/>
      <c r="E78" s="23"/>
      <c r="F78" s="23"/>
      <c r="G78" s="23"/>
      <c r="H78" s="23"/>
      <c r="I78" s="23"/>
      <c r="J78" s="26"/>
      <c r="K78" s="26"/>
      <c r="L78" s="26"/>
    </row>
    <row r="79" spans="1:13" ht="22.5" customHeight="1" x14ac:dyDescent="0.45">
      <c r="A79" s="23"/>
      <c r="B79" s="23"/>
      <c r="C79" s="23"/>
      <c r="D79" s="23"/>
      <c r="E79" s="23"/>
      <c r="F79" s="23"/>
      <c r="G79" s="23"/>
      <c r="H79" s="23"/>
      <c r="I79" s="23"/>
      <c r="J79" s="26"/>
      <c r="K79" s="26"/>
      <c r="L79" s="26"/>
    </row>
    <row r="80" spans="1:13" ht="22.5" customHeight="1" x14ac:dyDescent="0.45">
      <c r="A80" s="23"/>
      <c r="B80" s="23"/>
      <c r="C80" s="23"/>
      <c r="D80" s="23"/>
      <c r="E80" s="23"/>
      <c r="F80" s="23"/>
      <c r="G80" s="23"/>
      <c r="H80" s="23"/>
      <c r="I80" s="23"/>
      <c r="J80" s="26"/>
      <c r="K80" s="26"/>
      <c r="L80" s="26"/>
    </row>
    <row r="81" spans="1:12" s="37" customFormat="1" ht="22.5" customHeight="1" x14ac:dyDescent="0.45">
      <c r="A81" s="23"/>
      <c r="B81" s="23"/>
      <c r="C81" s="23"/>
      <c r="D81" s="23"/>
      <c r="E81" s="23"/>
      <c r="F81" s="23"/>
      <c r="G81" s="23"/>
      <c r="H81" s="23"/>
      <c r="I81" s="23"/>
      <c r="J81" s="26"/>
      <c r="K81" s="26"/>
      <c r="L81" s="26"/>
    </row>
    <row r="82" spans="1:12" s="37" customFormat="1" ht="22.5" customHeight="1" x14ac:dyDescent="0.45">
      <c r="A82" s="23"/>
      <c r="B82" s="23"/>
      <c r="C82" s="23"/>
      <c r="D82" s="23"/>
      <c r="E82" s="23"/>
      <c r="F82" s="23"/>
      <c r="G82" s="23"/>
      <c r="H82" s="23"/>
      <c r="I82" s="23"/>
      <c r="J82" s="26"/>
      <c r="K82" s="26"/>
      <c r="L82" s="26"/>
    </row>
    <row r="83" spans="1:12" s="37" customFormat="1" ht="22.5" customHeight="1" x14ac:dyDescent="0.45">
      <c r="A83" s="23"/>
      <c r="B83" s="23"/>
      <c r="C83" s="23"/>
      <c r="D83" s="23"/>
      <c r="E83" s="23"/>
      <c r="F83" s="23"/>
      <c r="G83" s="23"/>
      <c r="H83" s="23"/>
      <c r="I83" s="23"/>
      <c r="J83" s="26"/>
      <c r="K83" s="26"/>
      <c r="L83" s="26"/>
    </row>
    <row r="84" spans="1:12" s="37" customFormat="1" ht="22.5" customHeight="1" x14ac:dyDescent="0.45">
      <c r="A84" s="23"/>
      <c r="B84" s="23"/>
      <c r="C84" s="23"/>
      <c r="D84" s="23"/>
      <c r="E84" s="23"/>
      <c r="F84" s="23"/>
      <c r="G84" s="23"/>
      <c r="H84" s="23"/>
      <c r="I84" s="23"/>
      <c r="J84" s="26"/>
      <c r="K84" s="26"/>
      <c r="L84" s="26"/>
    </row>
    <row r="85" spans="1:12" s="37" customFormat="1" ht="22.5" customHeight="1" x14ac:dyDescent="0.45">
      <c r="A85" s="23"/>
      <c r="B85" s="23"/>
      <c r="C85" s="23"/>
      <c r="D85" s="23"/>
      <c r="E85" s="23"/>
      <c r="F85" s="23"/>
      <c r="G85" s="23"/>
      <c r="H85" s="23"/>
      <c r="I85" s="23"/>
      <c r="J85" s="26"/>
      <c r="K85" s="26"/>
      <c r="L85" s="26"/>
    </row>
    <row r="86" spans="1:12" s="37" customFormat="1" ht="22.5" customHeight="1" x14ac:dyDescent="0.45">
      <c r="A86" s="23"/>
      <c r="B86" s="23"/>
      <c r="C86" s="23"/>
      <c r="D86" s="23"/>
      <c r="E86" s="23"/>
      <c r="F86" s="23"/>
      <c r="G86" s="23"/>
      <c r="H86" s="23"/>
      <c r="I86" s="23"/>
      <c r="J86" s="26"/>
      <c r="K86" s="26"/>
      <c r="L86" s="26"/>
    </row>
    <row r="87" spans="1:12" s="37" customFormat="1" ht="22.5" customHeight="1" x14ac:dyDescent="0.45">
      <c r="A87" s="23"/>
      <c r="B87" s="23"/>
      <c r="C87" s="23"/>
      <c r="D87" s="23"/>
      <c r="E87" s="23"/>
      <c r="F87" s="23"/>
      <c r="G87" s="23"/>
      <c r="H87" s="23"/>
      <c r="I87" s="23"/>
      <c r="J87" s="26"/>
      <c r="K87" s="26"/>
      <c r="L87" s="26"/>
    </row>
    <row r="88" spans="1:12" s="37" customFormat="1" ht="22.5" customHeight="1" x14ac:dyDescent="0.45">
      <c r="A88" s="23"/>
      <c r="B88" s="23"/>
      <c r="C88" s="23"/>
      <c r="D88" s="23"/>
      <c r="E88" s="23"/>
      <c r="F88" s="23"/>
      <c r="G88" s="23"/>
      <c r="H88" s="23"/>
      <c r="I88" s="23"/>
      <c r="J88" s="26"/>
      <c r="K88" s="26"/>
      <c r="L88" s="26"/>
    </row>
    <row r="89" spans="1:12" s="37" customFormat="1" ht="22.5" customHeight="1" x14ac:dyDescent="0.45">
      <c r="A89" s="23"/>
      <c r="B89" s="23"/>
      <c r="C89" s="23"/>
      <c r="D89" s="23"/>
      <c r="E89" s="23"/>
      <c r="F89" s="23"/>
      <c r="G89" s="23"/>
      <c r="H89" s="23"/>
      <c r="I89" s="23"/>
      <c r="J89" s="26"/>
      <c r="K89" s="26"/>
      <c r="L89" s="26"/>
    </row>
    <row r="90" spans="1:12" s="37" customFormat="1" ht="22.5" customHeight="1" x14ac:dyDescent="0.45">
      <c r="A90" s="23"/>
      <c r="B90" s="23"/>
      <c r="C90" s="23"/>
      <c r="D90" s="23"/>
      <c r="E90" s="23"/>
      <c r="F90" s="23"/>
      <c r="G90" s="23"/>
      <c r="H90" s="23"/>
      <c r="I90" s="23"/>
      <c r="J90" s="26"/>
      <c r="K90" s="26"/>
      <c r="L90" s="26"/>
    </row>
    <row r="91" spans="1:12" s="37" customFormat="1" ht="22.5" customHeight="1" x14ac:dyDescent="0.45">
      <c r="A91" s="23"/>
      <c r="B91" s="23"/>
      <c r="C91" s="23"/>
      <c r="D91" s="23"/>
      <c r="E91" s="23"/>
      <c r="F91" s="23"/>
      <c r="G91" s="23"/>
      <c r="H91" s="23"/>
      <c r="I91" s="23"/>
      <c r="J91" s="26"/>
      <c r="K91" s="26"/>
      <c r="L91" s="26"/>
    </row>
    <row r="92" spans="1:12" s="37" customFormat="1" ht="22.5" customHeight="1" x14ac:dyDescent="0.45">
      <c r="A92" s="23"/>
      <c r="B92" s="23"/>
      <c r="C92" s="23"/>
      <c r="D92" s="23"/>
      <c r="E92" s="23"/>
      <c r="F92" s="23"/>
      <c r="G92" s="23"/>
      <c r="H92" s="23"/>
      <c r="I92" s="23"/>
      <c r="J92" s="26"/>
      <c r="K92" s="26"/>
      <c r="L92" s="26"/>
    </row>
    <row r="93" spans="1:12" s="37" customFormat="1" ht="22.5" customHeight="1" x14ac:dyDescent="0.45">
      <c r="A93" s="23"/>
      <c r="B93" s="23"/>
      <c r="C93" s="23"/>
      <c r="D93" s="23"/>
      <c r="E93" s="23"/>
      <c r="F93" s="23"/>
      <c r="G93" s="23"/>
      <c r="H93" s="23"/>
      <c r="I93" s="23"/>
      <c r="J93" s="26"/>
      <c r="K93" s="26"/>
      <c r="L93" s="26"/>
    </row>
    <row r="94" spans="1:12" s="37" customFormat="1" ht="22.5" customHeight="1" x14ac:dyDescent="0.45">
      <c r="A94" s="23"/>
      <c r="B94" s="23"/>
      <c r="C94" s="23"/>
      <c r="D94" s="23"/>
      <c r="E94" s="23"/>
      <c r="F94" s="23"/>
      <c r="G94" s="23"/>
      <c r="H94" s="23"/>
      <c r="I94" s="23"/>
      <c r="J94" s="26"/>
      <c r="K94" s="26"/>
      <c r="L94" s="26"/>
    </row>
    <row r="95" spans="1:12" s="37" customFormat="1" ht="22.5" customHeight="1" x14ac:dyDescent="0.45">
      <c r="A95" s="23"/>
      <c r="B95" s="23"/>
      <c r="C95" s="23"/>
      <c r="D95" s="23"/>
      <c r="E95" s="23"/>
      <c r="F95" s="23"/>
      <c r="G95" s="23"/>
      <c r="H95" s="23"/>
      <c r="I95" s="23"/>
      <c r="J95" s="26"/>
      <c r="K95" s="26"/>
      <c r="L95" s="26"/>
    </row>
    <row r="96" spans="1:12" s="37" customFormat="1" ht="22.5" customHeight="1" x14ac:dyDescent="0.45">
      <c r="A96" s="23"/>
      <c r="B96" s="23"/>
      <c r="C96" s="23"/>
      <c r="D96" s="23"/>
      <c r="E96" s="23"/>
      <c r="F96" s="23"/>
      <c r="G96" s="23"/>
      <c r="H96" s="23"/>
      <c r="I96" s="23"/>
      <c r="J96" s="26"/>
      <c r="K96" s="26"/>
      <c r="L96" s="26"/>
    </row>
    <row r="97" spans="1:12" s="37" customFormat="1" ht="22.5" customHeight="1" x14ac:dyDescent="0.45">
      <c r="A97" s="23"/>
      <c r="B97" s="23"/>
      <c r="C97" s="23"/>
      <c r="D97" s="23"/>
      <c r="E97" s="23"/>
      <c r="F97" s="23"/>
      <c r="G97" s="23"/>
      <c r="H97" s="23"/>
      <c r="I97" s="23"/>
      <c r="J97" s="26"/>
      <c r="K97" s="26"/>
      <c r="L97" s="26"/>
    </row>
    <row r="98" spans="1:12" s="37" customFormat="1" ht="22.5" customHeight="1" x14ac:dyDescent="0.45">
      <c r="A98" s="23"/>
      <c r="B98" s="23"/>
      <c r="C98" s="23"/>
      <c r="D98" s="23"/>
      <c r="E98" s="23"/>
      <c r="F98" s="23"/>
      <c r="G98" s="23"/>
      <c r="H98" s="23"/>
      <c r="I98" s="23"/>
      <c r="J98" s="26"/>
      <c r="K98" s="26"/>
      <c r="L98" s="26"/>
    </row>
    <row r="99" spans="1:12" s="37" customFormat="1" ht="22.5" customHeight="1" x14ac:dyDescent="0.45">
      <c r="A99" s="23"/>
      <c r="B99" s="23"/>
      <c r="C99" s="23"/>
      <c r="D99" s="23"/>
      <c r="E99" s="23"/>
      <c r="F99" s="23"/>
      <c r="G99" s="23"/>
      <c r="H99" s="23"/>
      <c r="I99" s="23"/>
      <c r="J99" s="26"/>
      <c r="K99" s="26"/>
      <c r="L99" s="26"/>
    </row>
    <row r="100" spans="1:12" s="37" customFormat="1" ht="22.5" customHeight="1" x14ac:dyDescent="0.45">
      <c r="A100" s="23"/>
      <c r="B100" s="23"/>
      <c r="C100" s="23"/>
      <c r="D100" s="23"/>
      <c r="E100" s="23"/>
      <c r="F100" s="23"/>
      <c r="G100" s="23"/>
      <c r="H100" s="23"/>
      <c r="I100" s="23"/>
      <c r="J100" s="26"/>
      <c r="K100" s="26"/>
      <c r="L100" s="26"/>
    </row>
    <row r="101" spans="1:12" s="37" customFormat="1" ht="22.5" customHeight="1" x14ac:dyDescent="0.45">
      <c r="J101" s="47"/>
      <c r="K101" s="47"/>
      <c r="L101" s="47"/>
    </row>
    <row r="102" spans="1:12" s="37" customFormat="1" ht="22.5" customHeight="1" x14ac:dyDescent="0.45">
      <c r="J102" s="47"/>
      <c r="K102" s="47"/>
      <c r="L102" s="47"/>
    </row>
    <row r="103" spans="1:12" s="37" customFormat="1" ht="22.5" customHeight="1" x14ac:dyDescent="0.45">
      <c r="J103" s="47"/>
      <c r="K103" s="47"/>
      <c r="L103" s="47"/>
    </row>
    <row r="104" spans="1:12" s="37" customFormat="1" ht="22.5" customHeight="1" x14ac:dyDescent="0.45">
      <c r="J104" s="47"/>
      <c r="K104" s="47"/>
      <c r="L104" s="47"/>
    </row>
    <row r="105" spans="1:12" s="37" customFormat="1" ht="22.5" customHeight="1" x14ac:dyDescent="0.45">
      <c r="J105" s="47"/>
      <c r="K105" s="47"/>
      <c r="L105" s="47"/>
    </row>
    <row r="106" spans="1:12" s="37" customFormat="1" ht="22.5" customHeight="1" x14ac:dyDescent="0.45">
      <c r="J106" s="47"/>
      <c r="K106" s="47"/>
      <c r="L106" s="47"/>
    </row>
    <row r="107" spans="1:12" s="37" customFormat="1" ht="22.5" customHeight="1" x14ac:dyDescent="0.45">
      <c r="J107" s="47"/>
      <c r="K107" s="47"/>
      <c r="L107" s="47"/>
    </row>
    <row r="108" spans="1:12" s="37" customFormat="1" ht="22.5" customHeight="1" x14ac:dyDescent="0.45">
      <c r="J108" s="47"/>
      <c r="K108" s="47"/>
      <c r="L108" s="47"/>
    </row>
    <row r="109" spans="1:12" s="37" customFormat="1" ht="22.5" customHeight="1" x14ac:dyDescent="0.45">
      <c r="J109" s="47"/>
      <c r="K109" s="47"/>
      <c r="L109" s="47"/>
    </row>
    <row r="110" spans="1:12" s="37" customFormat="1" ht="22.5" customHeight="1" x14ac:dyDescent="0.45">
      <c r="J110" s="47"/>
      <c r="K110" s="47"/>
      <c r="L110" s="47"/>
    </row>
    <row r="111" spans="1:12" s="37" customFormat="1" ht="22.5" customHeight="1" x14ac:dyDescent="0.45">
      <c r="J111" s="47"/>
      <c r="K111" s="47"/>
      <c r="L111" s="47"/>
    </row>
    <row r="112" spans="1:12" s="37" customFormat="1" ht="22.5" customHeight="1" x14ac:dyDescent="0.45">
      <c r="J112" s="47"/>
      <c r="K112" s="47"/>
      <c r="L112" s="47"/>
    </row>
    <row r="113" spans="10:12" s="37" customFormat="1" ht="22.5" customHeight="1" x14ac:dyDescent="0.45">
      <c r="J113" s="47"/>
      <c r="K113" s="47"/>
      <c r="L113" s="47"/>
    </row>
    <row r="114" spans="10:12" s="37" customFormat="1" ht="22.5" customHeight="1" x14ac:dyDescent="0.45">
      <c r="J114" s="47"/>
      <c r="K114" s="47"/>
      <c r="L114" s="47"/>
    </row>
    <row r="115" spans="10:12" s="37" customFormat="1" ht="22.5" customHeight="1" x14ac:dyDescent="0.45">
      <c r="J115" s="47"/>
      <c r="K115" s="47"/>
      <c r="L115" s="47"/>
    </row>
    <row r="116" spans="10:12" s="37" customFormat="1" ht="22.5" customHeight="1" x14ac:dyDescent="0.45">
      <c r="J116" s="47"/>
      <c r="K116" s="47"/>
      <c r="L116" s="47"/>
    </row>
    <row r="117" spans="10:12" s="37" customFormat="1" ht="22.5" customHeight="1" x14ac:dyDescent="0.45">
      <c r="J117" s="47"/>
      <c r="K117" s="47"/>
      <c r="L117" s="47"/>
    </row>
    <row r="118" spans="10:12" s="37" customFormat="1" ht="22.5" customHeight="1" x14ac:dyDescent="0.45">
      <c r="J118" s="47"/>
      <c r="K118" s="47"/>
      <c r="L118" s="47"/>
    </row>
    <row r="119" spans="10:12" s="37" customFormat="1" ht="22.5" customHeight="1" x14ac:dyDescent="0.45">
      <c r="J119" s="47"/>
      <c r="K119" s="47"/>
      <c r="L119" s="47"/>
    </row>
    <row r="120" spans="10:12" s="37" customFormat="1" ht="22.5" customHeight="1" x14ac:dyDescent="0.45">
      <c r="J120" s="47"/>
      <c r="K120" s="47"/>
      <c r="L120" s="47"/>
    </row>
    <row r="121" spans="10:12" s="37" customFormat="1" ht="22.5" customHeight="1" x14ac:dyDescent="0.45">
      <c r="J121" s="47"/>
      <c r="K121" s="47"/>
      <c r="L121" s="47"/>
    </row>
    <row r="122" spans="10:12" s="37" customFormat="1" ht="22.5" customHeight="1" x14ac:dyDescent="0.45">
      <c r="J122" s="47"/>
      <c r="K122" s="47"/>
      <c r="L122" s="47"/>
    </row>
    <row r="123" spans="10:12" s="37" customFormat="1" ht="22.5" customHeight="1" x14ac:dyDescent="0.45">
      <c r="J123" s="47"/>
      <c r="K123" s="47"/>
      <c r="L123" s="47"/>
    </row>
    <row r="124" spans="10:12" s="37" customFormat="1" ht="22.5" customHeight="1" x14ac:dyDescent="0.45">
      <c r="J124" s="47"/>
      <c r="K124" s="47"/>
      <c r="L124" s="47"/>
    </row>
    <row r="125" spans="10:12" s="37" customFormat="1" ht="22.5" customHeight="1" x14ac:dyDescent="0.45">
      <c r="J125" s="47"/>
      <c r="K125" s="47"/>
      <c r="L125" s="47"/>
    </row>
    <row r="126" spans="10:12" s="37" customFormat="1" ht="22.5" customHeight="1" x14ac:dyDescent="0.45">
      <c r="J126" s="47"/>
      <c r="K126" s="47"/>
      <c r="L126" s="47"/>
    </row>
    <row r="127" spans="10:12" s="37" customFormat="1" ht="22.5" customHeight="1" x14ac:dyDescent="0.45">
      <c r="J127" s="47"/>
      <c r="K127" s="47"/>
      <c r="L127" s="47"/>
    </row>
    <row r="128" spans="10:12" s="37" customFormat="1" ht="22.5" customHeight="1" x14ac:dyDescent="0.45">
      <c r="J128" s="47"/>
      <c r="K128" s="47"/>
      <c r="L128" s="47"/>
    </row>
    <row r="129" spans="10:12" s="37" customFormat="1" ht="22.5" customHeight="1" x14ac:dyDescent="0.45">
      <c r="J129" s="47"/>
      <c r="K129" s="47"/>
      <c r="L129" s="47"/>
    </row>
    <row r="130" spans="10:12" s="37" customFormat="1" ht="22.5" customHeight="1" x14ac:dyDescent="0.45">
      <c r="J130" s="47"/>
      <c r="K130" s="47"/>
      <c r="L130" s="47"/>
    </row>
    <row r="131" spans="10:12" s="37" customFormat="1" ht="22.5" customHeight="1" x14ac:dyDescent="0.45">
      <c r="J131" s="47"/>
      <c r="K131" s="47"/>
      <c r="L131" s="47"/>
    </row>
    <row r="132" spans="10:12" s="37" customFormat="1" ht="22.5" customHeight="1" x14ac:dyDescent="0.45">
      <c r="J132" s="47"/>
      <c r="K132" s="47"/>
      <c r="L132" s="47"/>
    </row>
    <row r="133" spans="10:12" s="37" customFormat="1" ht="22.5" customHeight="1" x14ac:dyDescent="0.45">
      <c r="J133" s="47"/>
      <c r="K133" s="47"/>
      <c r="L133" s="47"/>
    </row>
    <row r="134" spans="10:12" s="37" customFormat="1" ht="22.5" customHeight="1" x14ac:dyDescent="0.45">
      <c r="J134" s="47"/>
      <c r="K134" s="47"/>
      <c r="L134" s="47"/>
    </row>
    <row r="135" spans="10:12" s="37" customFormat="1" ht="22.5" customHeight="1" x14ac:dyDescent="0.45">
      <c r="J135" s="47"/>
      <c r="K135" s="47"/>
      <c r="L135" s="47"/>
    </row>
    <row r="136" spans="10:12" s="37" customFormat="1" ht="22.5" customHeight="1" x14ac:dyDescent="0.45">
      <c r="J136" s="47"/>
      <c r="K136" s="47"/>
      <c r="L136" s="47"/>
    </row>
    <row r="137" spans="10:12" s="37" customFormat="1" ht="22.5" customHeight="1" x14ac:dyDescent="0.45">
      <c r="J137" s="47"/>
      <c r="K137" s="47"/>
      <c r="L137" s="47"/>
    </row>
    <row r="138" spans="10:12" s="37" customFormat="1" ht="22.5" customHeight="1" x14ac:dyDescent="0.45">
      <c r="J138" s="47"/>
      <c r="K138" s="47"/>
      <c r="L138" s="47"/>
    </row>
    <row r="139" spans="10:12" s="37" customFormat="1" ht="22.5" customHeight="1" x14ac:dyDescent="0.45">
      <c r="J139" s="47"/>
      <c r="K139" s="47"/>
      <c r="L139" s="47"/>
    </row>
    <row r="140" spans="10:12" s="37" customFormat="1" ht="22.5" customHeight="1" x14ac:dyDescent="0.45">
      <c r="J140" s="47"/>
      <c r="K140" s="47"/>
      <c r="L140" s="47"/>
    </row>
    <row r="141" spans="10:12" s="37" customFormat="1" ht="22.5" customHeight="1" x14ac:dyDescent="0.45">
      <c r="J141" s="47"/>
      <c r="K141" s="47"/>
      <c r="L141" s="47"/>
    </row>
    <row r="142" spans="10:12" s="37" customFormat="1" ht="22.5" customHeight="1" x14ac:dyDescent="0.45">
      <c r="J142" s="47"/>
      <c r="K142" s="47"/>
      <c r="L142" s="47"/>
    </row>
    <row r="143" spans="10:12" s="37" customFormat="1" ht="22.5" customHeight="1" x14ac:dyDescent="0.45">
      <c r="J143" s="47"/>
      <c r="K143" s="47"/>
      <c r="L143" s="47"/>
    </row>
    <row r="144" spans="10:12" s="37" customFormat="1" ht="22.5" customHeight="1" x14ac:dyDescent="0.45">
      <c r="J144" s="47"/>
      <c r="K144" s="47"/>
      <c r="L144" s="47"/>
    </row>
    <row r="145" spans="10:12" s="37" customFormat="1" ht="22.5" customHeight="1" x14ac:dyDescent="0.45">
      <c r="J145" s="47"/>
      <c r="K145" s="47"/>
      <c r="L145" s="47"/>
    </row>
    <row r="146" spans="10:12" s="37" customFormat="1" ht="22.5" customHeight="1" x14ac:dyDescent="0.45">
      <c r="J146" s="47"/>
      <c r="K146" s="47"/>
      <c r="L146" s="47"/>
    </row>
    <row r="147" spans="10:12" s="37" customFormat="1" ht="22.5" customHeight="1" x14ac:dyDescent="0.45">
      <c r="J147" s="47"/>
      <c r="K147" s="47"/>
      <c r="L147" s="47"/>
    </row>
    <row r="148" spans="10:12" s="37" customFormat="1" ht="22.5" customHeight="1" x14ac:dyDescent="0.45">
      <c r="J148" s="47"/>
      <c r="K148" s="47"/>
      <c r="L148" s="47"/>
    </row>
    <row r="149" spans="10:12" s="37" customFormat="1" ht="22.5" customHeight="1" x14ac:dyDescent="0.45">
      <c r="J149" s="47"/>
      <c r="K149" s="47"/>
      <c r="L149" s="47"/>
    </row>
    <row r="150" spans="10:12" s="37" customFormat="1" ht="22.5" customHeight="1" x14ac:dyDescent="0.45">
      <c r="J150" s="47"/>
      <c r="K150" s="47"/>
      <c r="L150" s="47"/>
    </row>
    <row r="151" spans="10:12" s="37" customFormat="1" ht="22.5" customHeight="1" x14ac:dyDescent="0.45">
      <c r="J151" s="47"/>
      <c r="K151" s="47"/>
      <c r="L151" s="47"/>
    </row>
    <row r="152" spans="10:12" s="37" customFormat="1" ht="22.5" customHeight="1" x14ac:dyDescent="0.45">
      <c r="J152" s="47"/>
      <c r="K152" s="47"/>
      <c r="L152" s="47"/>
    </row>
    <row r="153" spans="10:12" s="37" customFormat="1" ht="22.5" customHeight="1" x14ac:dyDescent="0.45">
      <c r="J153" s="47"/>
      <c r="K153" s="47"/>
      <c r="L153" s="47"/>
    </row>
    <row r="154" spans="10:12" s="37" customFormat="1" ht="22.5" customHeight="1" x14ac:dyDescent="0.45">
      <c r="J154" s="47"/>
      <c r="K154" s="47"/>
      <c r="L154" s="47"/>
    </row>
    <row r="155" spans="10:12" s="37" customFormat="1" ht="22.5" customHeight="1" x14ac:dyDescent="0.45">
      <c r="J155" s="47"/>
      <c r="K155" s="47"/>
      <c r="L155" s="47"/>
    </row>
    <row r="156" spans="10:12" s="37" customFormat="1" ht="22.5" customHeight="1" x14ac:dyDescent="0.45">
      <c r="J156" s="47"/>
      <c r="K156" s="47"/>
      <c r="L156" s="47"/>
    </row>
    <row r="157" spans="10:12" s="37" customFormat="1" ht="22.5" customHeight="1" x14ac:dyDescent="0.45">
      <c r="J157" s="47"/>
      <c r="K157" s="47"/>
      <c r="L157" s="47"/>
    </row>
    <row r="158" spans="10:12" s="37" customFormat="1" ht="22.5" customHeight="1" x14ac:dyDescent="0.45">
      <c r="J158" s="47"/>
      <c r="K158" s="47"/>
      <c r="L158" s="47"/>
    </row>
    <row r="159" spans="10:12" s="37" customFormat="1" ht="22.5" customHeight="1" x14ac:dyDescent="0.45">
      <c r="J159" s="47"/>
      <c r="K159" s="47"/>
      <c r="L159" s="47"/>
    </row>
    <row r="160" spans="10:12" s="37" customFormat="1" ht="22.5" customHeight="1" x14ac:dyDescent="0.45">
      <c r="J160" s="47"/>
      <c r="K160" s="47"/>
      <c r="L160" s="47"/>
    </row>
    <row r="161" spans="10:12" s="37" customFormat="1" ht="22.5" customHeight="1" x14ac:dyDescent="0.45">
      <c r="J161" s="47"/>
      <c r="K161" s="47"/>
      <c r="L161" s="47"/>
    </row>
    <row r="162" spans="10:12" s="37" customFormat="1" ht="22.5" customHeight="1" x14ac:dyDescent="0.45">
      <c r="J162" s="47"/>
      <c r="K162" s="47"/>
      <c r="L162" s="47"/>
    </row>
    <row r="163" spans="10:12" s="37" customFormat="1" ht="22.5" customHeight="1" x14ac:dyDescent="0.45">
      <c r="J163" s="47"/>
      <c r="K163" s="47"/>
      <c r="L163" s="47"/>
    </row>
    <row r="164" spans="10:12" s="37" customFormat="1" ht="22.5" customHeight="1" x14ac:dyDescent="0.45">
      <c r="J164" s="47"/>
      <c r="K164" s="47"/>
      <c r="L164" s="47"/>
    </row>
    <row r="165" spans="10:12" s="37" customFormat="1" ht="22.5" customHeight="1" x14ac:dyDescent="0.45">
      <c r="J165" s="47"/>
      <c r="K165" s="47"/>
      <c r="L165" s="47"/>
    </row>
    <row r="166" spans="10:12" s="37" customFormat="1" ht="22.5" customHeight="1" x14ac:dyDescent="0.45">
      <c r="J166" s="47"/>
      <c r="K166" s="47"/>
      <c r="L166" s="47"/>
    </row>
    <row r="167" spans="10:12" s="37" customFormat="1" ht="22.5" customHeight="1" x14ac:dyDescent="0.45">
      <c r="J167" s="47"/>
      <c r="K167" s="47"/>
      <c r="L167" s="47"/>
    </row>
    <row r="168" spans="10:12" s="37" customFormat="1" ht="22.5" customHeight="1" x14ac:dyDescent="0.45">
      <c r="J168" s="47"/>
      <c r="K168" s="47"/>
      <c r="L168" s="47"/>
    </row>
    <row r="169" spans="10:12" s="37" customFormat="1" ht="22.5" customHeight="1" x14ac:dyDescent="0.45">
      <c r="J169" s="47"/>
      <c r="K169" s="47"/>
      <c r="L169" s="47"/>
    </row>
    <row r="170" spans="10:12" s="37" customFormat="1" ht="22.5" customHeight="1" x14ac:dyDescent="0.45">
      <c r="J170" s="47"/>
      <c r="K170" s="47"/>
      <c r="L170" s="47"/>
    </row>
    <row r="171" spans="10:12" s="37" customFormat="1" ht="22.5" customHeight="1" x14ac:dyDescent="0.45">
      <c r="J171" s="47"/>
      <c r="K171" s="47"/>
      <c r="L171" s="47"/>
    </row>
    <row r="172" spans="10:12" s="37" customFormat="1" ht="22.5" customHeight="1" x14ac:dyDescent="0.45">
      <c r="J172" s="47"/>
      <c r="K172" s="47"/>
      <c r="L172" s="47"/>
    </row>
    <row r="173" spans="10:12" s="37" customFormat="1" ht="22.5" customHeight="1" x14ac:dyDescent="0.45">
      <c r="J173" s="47"/>
      <c r="K173" s="47"/>
      <c r="L173" s="47"/>
    </row>
    <row r="174" spans="10:12" s="37" customFormat="1" ht="22.5" customHeight="1" x14ac:dyDescent="0.45">
      <c r="J174" s="47"/>
      <c r="K174" s="47"/>
      <c r="L174" s="47"/>
    </row>
    <row r="175" spans="10:12" s="37" customFormat="1" ht="22.5" customHeight="1" x14ac:dyDescent="0.45">
      <c r="J175" s="47"/>
      <c r="K175" s="47"/>
      <c r="L175" s="47"/>
    </row>
    <row r="176" spans="10:12" s="37" customFormat="1" ht="22.5" customHeight="1" x14ac:dyDescent="0.45">
      <c r="J176" s="47"/>
      <c r="K176" s="47"/>
      <c r="L176" s="47"/>
    </row>
    <row r="177" spans="10:12" s="37" customFormat="1" ht="22.5" customHeight="1" x14ac:dyDescent="0.45">
      <c r="J177" s="47"/>
      <c r="K177" s="47"/>
      <c r="L177" s="47"/>
    </row>
    <row r="178" spans="10:12" s="37" customFormat="1" ht="22.5" customHeight="1" x14ac:dyDescent="0.45">
      <c r="J178" s="47"/>
      <c r="K178" s="47"/>
      <c r="L178" s="47"/>
    </row>
    <row r="179" spans="10:12" s="37" customFormat="1" ht="22.5" customHeight="1" x14ac:dyDescent="0.45">
      <c r="J179" s="47"/>
      <c r="K179" s="47"/>
      <c r="L179" s="47"/>
    </row>
    <row r="180" spans="10:12" s="37" customFormat="1" ht="22.5" customHeight="1" x14ac:dyDescent="0.45">
      <c r="J180" s="47"/>
      <c r="K180" s="47"/>
      <c r="L180" s="47"/>
    </row>
    <row r="181" spans="10:12" s="37" customFormat="1" ht="22.5" customHeight="1" x14ac:dyDescent="0.45">
      <c r="J181" s="47"/>
      <c r="K181" s="47"/>
      <c r="L181" s="47"/>
    </row>
    <row r="182" spans="10:12" s="37" customFormat="1" ht="22.5" customHeight="1" x14ac:dyDescent="0.45">
      <c r="J182" s="47"/>
      <c r="K182" s="47"/>
      <c r="L182" s="47"/>
    </row>
    <row r="183" spans="10:12" s="37" customFormat="1" ht="22.5" customHeight="1" x14ac:dyDescent="0.45">
      <c r="J183" s="47"/>
      <c r="K183" s="47"/>
      <c r="L183" s="47"/>
    </row>
    <row r="184" spans="10:12" s="37" customFormat="1" ht="22.5" customHeight="1" x14ac:dyDescent="0.45">
      <c r="J184" s="47"/>
      <c r="K184" s="47"/>
      <c r="L184" s="47"/>
    </row>
    <row r="185" spans="10:12" s="37" customFormat="1" ht="22.5" customHeight="1" x14ac:dyDescent="0.45">
      <c r="J185" s="47"/>
      <c r="K185" s="47"/>
      <c r="L185" s="47"/>
    </row>
    <row r="186" spans="10:12" s="37" customFormat="1" ht="22.5" customHeight="1" x14ac:dyDescent="0.45">
      <c r="J186" s="47"/>
      <c r="K186" s="47"/>
      <c r="L186" s="47"/>
    </row>
    <row r="187" spans="10:12" s="37" customFormat="1" ht="22.5" customHeight="1" x14ac:dyDescent="0.45">
      <c r="J187" s="47"/>
      <c r="K187" s="47"/>
      <c r="L187" s="47"/>
    </row>
    <row r="188" spans="10:12" s="37" customFormat="1" ht="22.5" customHeight="1" x14ac:dyDescent="0.45">
      <c r="J188" s="47"/>
      <c r="K188" s="47"/>
      <c r="L188" s="47"/>
    </row>
    <row r="189" spans="10:12" s="37" customFormat="1" ht="22.5" customHeight="1" x14ac:dyDescent="0.45">
      <c r="J189" s="47"/>
      <c r="K189" s="47"/>
      <c r="L189" s="47"/>
    </row>
    <row r="190" spans="10:12" s="37" customFormat="1" ht="22.5" customHeight="1" x14ac:dyDescent="0.45">
      <c r="J190" s="47"/>
      <c r="K190" s="47"/>
      <c r="L190" s="47"/>
    </row>
    <row r="191" spans="10:12" s="37" customFormat="1" ht="22.5" customHeight="1" x14ac:dyDescent="0.45">
      <c r="J191" s="47"/>
      <c r="K191" s="47"/>
      <c r="L191" s="47"/>
    </row>
    <row r="192" spans="10:12" s="37" customFormat="1" ht="22.5" customHeight="1" x14ac:dyDescent="0.45">
      <c r="J192" s="47"/>
      <c r="K192" s="47"/>
      <c r="L192" s="47"/>
    </row>
  </sheetData>
  <sheetProtection selectLockedCells="1" selectUnlockedCells="1"/>
  <mergeCells count="3">
    <mergeCell ref="B6:L6"/>
    <mergeCell ref="B7:L7"/>
    <mergeCell ref="B16:D16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5" orientation="portrait" blackAndWhite="1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 codeName="Sheet14"/>
  <dimension ref="A1:N71"/>
  <sheetViews>
    <sheetView showGridLines="0" view="pageBreakPreview" zoomScale="50" zoomScaleNormal="60" zoomScaleSheetLayoutView="50" workbookViewId="0"/>
  </sheetViews>
  <sheetFormatPr defaultColWidth="8.8984375" defaultRowHeight="22.5" customHeight="1" x14ac:dyDescent="0.45"/>
  <cols>
    <col min="1" max="1" width="7.5" style="48" customWidth="1"/>
    <col min="2" max="2" width="7.59765625" style="48" customWidth="1"/>
    <col min="3" max="8" width="3.5" style="48" customWidth="1"/>
    <col min="9" max="9" width="8.69921875" style="48" customWidth="1"/>
    <col min="10" max="12" width="34.59765625" style="48" customWidth="1"/>
    <col min="13" max="13" width="7.59765625" style="48" customWidth="1"/>
    <col min="14" max="14" width="7.5" style="48" customWidth="1"/>
    <col min="15" max="16384" width="8.8984375" style="1"/>
  </cols>
  <sheetData>
    <row r="1" spans="1:14" ht="22.5" customHeight="1" x14ac:dyDescent="0.45">
      <c r="B1" s="49" t="s">
        <v>12</v>
      </c>
      <c r="C1" s="1"/>
    </row>
    <row r="2" spans="1:14" ht="22.5" customHeight="1" x14ac:dyDescent="0.45">
      <c r="B2" s="49" t="s">
        <v>74</v>
      </c>
      <c r="C2" s="1"/>
    </row>
    <row r="3" spans="1:14" ht="22.5" customHeight="1" x14ac:dyDescent="0.45">
      <c r="B3" s="49"/>
      <c r="C3" s="1"/>
    </row>
    <row r="4" spans="1:14" ht="22.5" customHeight="1" x14ac:dyDescent="0.45">
      <c r="A4" s="50"/>
      <c r="B4" s="51"/>
      <c r="C4" s="51"/>
      <c r="D4" s="51"/>
      <c r="E4" s="51"/>
      <c r="F4" s="51"/>
      <c r="G4" s="51"/>
      <c r="H4" s="51"/>
      <c r="I4" s="51"/>
      <c r="J4" s="51"/>
      <c r="K4" s="51"/>
      <c r="L4" s="51"/>
      <c r="M4" s="51"/>
      <c r="N4" s="52"/>
    </row>
    <row r="5" spans="1:14" ht="22.5" customHeight="1" x14ac:dyDescent="0.45">
      <c r="A5" s="53"/>
      <c r="B5" s="54"/>
      <c r="C5" s="55"/>
      <c r="D5" s="56"/>
      <c r="E5" s="56"/>
      <c r="F5" s="56"/>
      <c r="G5" s="56"/>
      <c r="H5" s="56"/>
      <c r="I5" s="56"/>
      <c r="J5" s="56"/>
      <c r="K5" s="56"/>
      <c r="L5" s="56"/>
      <c r="M5" s="54"/>
      <c r="N5" s="57"/>
    </row>
    <row r="6" spans="1:14" ht="28.2" x14ac:dyDescent="0.45">
      <c r="A6" s="53"/>
      <c r="B6" s="148" t="s">
        <v>4</v>
      </c>
      <c r="C6" s="149"/>
      <c r="D6" s="149"/>
      <c r="E6" s="149"/>
      <c r="F6" s="149"/>
      <c r="G6" s="149"/>
      <c r="H6" s="149"/>
      <c r="I6" s="149"/>
      <c r="J6" s="149"/>
      <c r="K6" s="149"/>
      <c r="L6" s="149"/>
      <c r="M6" s="149"/>
      <c r="N6" s="57"/>
    </row>
    <row r="7" spans="1:14" ht="22.5" customHeight="1" x14ac:dyDescent="0.45">
      <c r="A7" s="53"/>
      <c r="B7" s="150" t="s">
        <v>118</v>
      </c>
      <c r="C7" s="149"/>
      <c r="D7" s="149"/>
      <c r="E7" s="149"/>
      <c r="F7" s="149"/>
      <c r="G7" s="149"/>
      <c r="H7" s="149"/>
      <c r="I7" s="149"/>
      <c r="J7" s="149"/>
      <c r="K7" s="149"/>
      <c r="L7" s="149"/>
      <c r="M7" s="149"/>
      <c r="N7" s="57"/>
    </row>
    <row r="8" spans="1:14" ht="22.5" hidden="1" customHeight="1" x14ac:dyDescent="0.45">
      <c r="A8" s="53"/>
      <c r="B8" s="54"/>
      <c r="C8" s="151" t="s">
        <v>5</v>
      </c>
      <c r="D8" s="151"/>
      <c r="E8" s="151"/>
      <c r="F8" s="58" t="s">
        <v>6</v>
      </c>
      <c r="G8" s="54"/>
      <c r="H8" s="58"/>
      <c r="I8" s="54"/>
      <c r="J8" s="54"/>
      <c r="K8" s="54"/>
      <c r="L8" s="59" t="s">
        <v>7</v>
      </c>
      <c r="M8" s="54"/>
      <c r="N8" s="57"/>
    </row>
    <row r="9" spans="1:14" ht="22.5" hidden="1" customHeight="1" x14ac:dyDescent="0.45">
      <c r="A9" s="53"/>
      <c r="B9" s="54"/>
      <c r="C9" s="151" t="s">
        <v>8</v>
      </c>
      <c r="D9" s="151"/>
      <c r="E9" s="151"/>
      <c r="F9" s="58" t="s">
        <v>9</v>
      </c>
      <c r="G9" s="54"/>
      <c r="H9" s="58"/>
      <c r="I9" s="54"/>
      <c r="J9" s="54"/>
      <c r="K9" s="54"/>
      <c r="L9" s="54"/>
      <c r="M9" s="54"/>
      <c r="N9" s="57"/>
    </row>
    <row r="10" spans="1:14" ht="22.5" hidden="1" customHeight="1" x14ac:dyDescent="0.45">
      <c r="A10" s="53"/>
      <c r="B10" s="54"/>
      <c r="C10" s="54"/>
      <c r="D10" s="54"/>
      <c r="E10" s="54"/>
      <c r="F10" s="54"/>
      <c r="G10" s="54"/>
      <c r="H10" s="54"/>
      <c r="I10" s="54"/>
      <c r="J10" s="54"/>
      <c r="K10" s="54"/>
      <c r="L10" s="54"/>
      <c r="M10" s="54"/>
      <c r="N10" s="57"/>
    </row>
    <row r="11" spans="1:14" ht="22.5" hidden="1" customHeight="1" x14ac:dyDescent="0.45">
      <c r="A11" s="53"/>
      <c r="B11" s="54"/>
      <c r="C11" s="151" t="s">
        <v>10</v>
      </c>
      <c r="D11" s="151"/>
      <c r="E11" s="151"/>
      <c r="F11" s="152" t="s">
        <v>11</v>
      </c>
      <c r="G11" s="151"/>
      <c r="H11" s="151"/>
      <c r="I11" s="60" t="s">
        <v>12</v>
      </c>
      <c r="J11" s="54"/>
      <c r="K11" s="54"/>
      <c r="L11" s="54"/>
      <c r="M11" s="54"/>
      <c r="N11" s="57"/>
    </row>
    <row r="12" spans="1:14" ht="22.5" hidden="1" customHeight="1" x14ac:dyDescent="0.45">
      <c r="A12" s="53"/>
      <c r="B12" s="54"/>
      <c r="C12" s="151"/>
      <c r="D12" s="151"/>
      <c r="E12" s="151"/>
      <c r="F12" s="152"/>
      <c r="G12" s="151"/>
      <c r="H12" s="151"/>
      <c r="I12" s="60"/>
      <c r="J12" s="54"/>
      <c r="K12" s="54"/>
      <c r="L12" s="54"/>
      <c r="M12" s="54"/>
      <c r="N12" s="57"/>
    </row>
    <row r="13" spans="1:14" ht="22.5" hidden="1" customHeight="1" x14ac:dyDescent="0.45">
      <c r="A13" s="53"/>
      <c r="B13" s="54"/>
      <c r="C13" s="151"/>
      <c r="D13" s="151"/>
      <c r="E13" s="151"/>
      <c r="F13" s="152"/>
      <c r="G13" s="151"/>
      <c r="H13" s="151"/>
      <c r="I13" s="60"/>
      <c r="J13" s="54"/>
      <c r="K13" s="54"/>
      <c r="L13" s="54"/>
      <c r="M13" s="54"/>
      <c r="N13" s="57"/>
    </row>
    <row r="14" spans="1:14" ht="22.5" hidden="1" customHeight="1" x14ac:dyDescent="0.45">
      <c r="A14" s="53"/>
      <c r="B14" s="54"/>
      <c r="C14" s="151"/>
      <c r="D14" s="151"/>
      <c r="E14" s="151"/>
      <c r="F14" s="152"/>
      <c r="G14" s="151"/>
      <c r="H14" s="151"/>
      <c r="I14" s="54"/>
      <c r="J14" s="54"/>
      <c r="K14" s="54"/>
      <c r="L14" s="54"/>
      <c r="M14" s="54"/>
      <c r="N14" s="57"/>
    </row>
    <row r="15" spans="1:14" ht="19.2" hidden="1" x14ac:dyDescent="0.45">
      <c r="A15" s="32"/>
      <c r="B15" s="23"/>
      <c r="C15" s="156"/>
      <c r="D15" s="156"/>
      <c r="E15" s="156"/>
      <c r="F15" s="157"/>
      <c r="G15" s="156"/>
      <c r="H15" s="156"/>
      <c r="I15" s="61"/>
      <c r="J15" s="23"/>
      <c r="K15" s="23"/>
      <c r="L15" s="23"/>
      <c r="M15" s="23"/>
      <c r="N15" s="34"/>
    </row>
    <row r="16" spans="1:14" ht="22.5" hidden="1" customHeight="1" x14ac:dyDescent="0.45">
      <c r="A16" s="32"/>
      <c r="B16" s="23"/>
      <c r="C16" s="156"/>
      <c r="D16" s="156"/>
      <c r="E16" s="156"/>
      <c r="F16" s="157"/>
      <c r="G16" s="156"/>
      <c r="H16" s="156"/>
      <c r="I16" s="61"/>
      <c r="J16" s="23"/>
      <c r="K16" s="23"/>
      <c r="L16" s="23"/>
      <c r="M16" s="23"/>
      <c r="N16" s="34"/>
    </row>
    <row r="17" spans="1:14" ht="22.5" customHeight="1" x14ac:dyDescent="0.45">
      <c r="A17" s="32"/>
      <c r="B17" s="23"/>
      <c r="C17" s="154"/>
      <c r="D17" s="154"/>
      <c r="E17" s="154"/>
      <c r="F17" s="153" t="s">
        <v>1</v>
      </c>
      <c r="G17" s="154"/>
      <c r="H17" s="154"/>
      <c r="I17" s="61"/>
      <c r="J17" s="23"/>
      <c r="K17" s="23"/>
      <c r="L17" s="23"/>
      <c r="M17" s="23"/>
      <c r="N17" s="34"/>
    </row>
    <row r="18" spans="1:14" ht="22.5" customHeight="1" x14ac:dyDescent="0.45">
      <c r="A18" s="32"/>
      <c r="B18" s="23"/>
      <c r="C18" s="23"/>
      <c r="D18" s="23"/>
      <c r="E18" s="23"/>
      <c r="F18" s="23"/>
      <c r="G18" s="23"/>
      <c r="H18" s="23"/>
      <c r="I18" s="23"/>
      <c r="J18" s="23"/>
      <c r="K18" s="23"/>
      <c r="L18" s="23"/>
      <c r="M18" s="23"/>
      <c r="N18" s="34"/>
    </row>
    <row r="19" spans="1:14" ht="22.5" customHeight="1" x14ac:dyDescent="0.45">
      <c r="A19" s="32"/>
      <c r="B19" s="23"/>
      <c r="C19" s="147"/>
      <c r="D19" s="147"/>
      <c r="E19" s="147"/>
      <c r="F19" s="23"/>
      <c r="G19" s="62"/>
      <c r="H19" s="23"/>
      <c r="I19" s="23"/>
      <c r="J19" s="23"/>
      <c r="K19" s="23"/>
      <c r="L19" s="15" t="s">
        <v>2</v>
      </c>
      <c r="M19" s="23"/>
      <c r="N19" s="34"/>
    </row>
    <row r="20" spans="1:14" ht="50.1" customHeight="1" x14ac:dyDescent="0.45">
      <c r="A20" s="32"/>
      <c r="B20" s="23"/>
      <c r="C20" s="155" t="s">
        <v>13</v>
      </c>
      <c r="D20" s="155"/>
      <c r="E20" s="155"/>
      <c r="F20" s="155"/>
      <c r="G20" s="155"/>
      <c r="H20" s="155"/>
      <c r="I20" s="155"/>
      <c r="J20" s="63" t="s">
        <v>14</v>
      </c>
      <c r="K20" s="63" t="s">
        <v>15</v>
      </c>
      <c r="L20" s="63" t="s">
        <v>16</v>
      </c>
      <c r="M20" s="23"/>
      <c r="N20" s="34"/>
    </row>
    <row r="21" spans="1:14" ht="50.1" customHeight="1" x14ac:dyDescent="0.45">
      <c r="A21" s="32"/>
      <c r="B21" s="23"/>
      <c r="C21" s="155" t="s">
        <v>17</v>
      </c>
      <c r="D21" s="155"/>
      <c r="E21" s="155"/>
      <c r="F21" s="155"/>
      <c r="G21" s="155"/>
      <c r="H21" s="155"/>
      <c r="I21" s="155"/>
      <c r="J21" s="64">
        <v>-214499435</v>
      </c>
      <c r="K21" s="64">
        <v>0</v>
      </c>
      <c r="L21" s="64">
        <v>-214499435</v>
      </c>
      <c r="M21" s="23"/>
      <c r="N21" s="34"/>
    </row>
    <row r="22" spans="1:14" ht="50.1" customHeight="1" x14ac:dyDescent="0.45">
      <c r="A22" s="32"/>
      <c r="B22" s="23"/>
      <c r="C22" s="155" t="s">
        <v>18</v>
      </c>
      <c r="D22" s="155"/>
      <c r="E22" s="155"/>
      <c r="F22" s="155"/>
      <c r="G22" s="155"/>
      <c r="H22" s="155"/>
      <c r="I22" s="155"/>
      <c r="J22" s="64">
        <v>-3997985</v>
      </c>
      <c r="K22" s="64">
        <v>0</v>
      </c>
      <c r="L22" s="64">
        <v>-3997985</v>
      </c>
      <c r="M22" s="23"/>
      <c r="N22" s="34"/>
    </row>
    <row r="23" spans="1:14" ht="50.1" customHeight="1" x14ac:dyDescent="0.45">
      <c r="A23" s="32"/>
      <c r="B23" s="23"/>
      <c r="C23" s="155" t="s">
        <v>19</v>
      </c>
      <c r="D23" s="155"/>
      <c r="E23" s="155"/>
      <c r="F23" s="155"/>
      <c r="G23" s="155"/>
      <c r="H23" s="155"/>
      <c r="I23" s="155"/>
      <c r="J23" s="64">
        <v>-218497420</v>
      </c>
      <c r="K23" s="64">
        <v>0</v>
      </c>
      <c r="L23" s="64">
        <v>-218497420</v>
      </c>
      <c r="M23" s="23"/>
      <c r="N23" s="34"/>
    </row>
    <row r="24" spans="1:14" ht="22.5" customHeight="1" x14ac:dyDescent="0.45">
      <c r="A24" s="32"/>
      <c r="B24" s="23"/>
      <c r="C24" s="23"/>
      <c r="D24" s="23"/>
      <c r="E24" s="23"/>
      <c r="F24" s="23"/>
      <c r="G24" s="23"/>
      <c r="H24" s="23"/>
      <c r="I24" s="23"/>
      <c r="J24" s="23"/>
      <c r="K24" s="23"/>
      <c r="L24" s="23"/>
      <c r="M24" s="23"/>
      <c r="N24" s="34"/>
    </row>
    <row r="25" spans="1:14" ht="22.5" customHeight="1" x14ac:dyDescent="0.45">
      <c r="A25" s="32"/>
      <c r="B25" s="23"/>
      <c r="C25" s="23"/>
      <c r="D25" s="23"/>
      <c r="E25" s="23"/>
      <c r="F25" s="23"/>
      <c r="G25" s="23"/>
      <c r="H25" s="23"/>
      <c r="I25" s="23"/>
      <c r="J25" s="23"/>
      <c r="K25" s="23"/>
      <c r="L25" s="23"/>
      <c r="M25" s="23"/>
      <c r="N25" s="34"/>
    </row>
    <row r="26" spans="1:14" ht="22.5" customHeight="1" x14ac:dyDescent="0.45">
      <c r="A26" s="32"/>
      <c r="B26" s="23"/>
      <c r="C26" s="23"/>
      <c r="D26" s="23"/>
      <c r="E26" s="23"/>
      <c r="F26" s="23"/>
      <c r="G26" s="23"/>
      <c r="H26" s="23"/>
      <c r="I26" s="23"/>
      <c r="J26" s="23"/>
      <c r="K26" s="23"/>
      <c r="L26" s="23"/>
      <c r="M26" s="23"/>
      <c r="N26" s="34"/>
    </row>
    <row r="27" spans="1:14" ht="22.5" customHeight="1" x14ac:dyDescent="0.45">
      <c r="A27" s="32"/>
      <c r="B27" s="23"/>
      <c r="C27" s="23"/>
      <c r="D27" s="23"/>
      <c r="E27" s="23"/>
      <c r="F27" s="23"/>
      <c r="G27" s="23"/>
      <c r="H27" s="23"/>
      <c r="I27" s="23"/>
      <c r="J27" s="23"/>
      <c r="K27" s="23"/>
      <c r="L27" s="23"/>
      <c r="M27" s="23"/>
      <c r="N27" s="34"/>
    </row>
    <row r="28" spans="1:14" ht="22.5" customHeight="1" x14ac:dyDescent="0.45">
      <c r="A28" s="32"/>
      <c r="B28" s="23"/>
      <c r="C28" s="23"/>
      <c r="D28" s="23"/>
      <c r="E28" s="23"/>
      <c r="F28" s="23"/>
      <c r="G28" s="23"/>
      <c r="H28" s="23"/>
      <c r="I28" s="23"/>
      <c r="J28" s="23"/>
      <c r="K28" s="23"/>
      <c r="L28" s="23"/>
      <c r="M28" s="23"/>
      <c r="N28" s="34"/>
    </row>
    <row r="29" spans="1:14" ht="22.5" customHeight="1" x14ac:dyDescent="0.45">
      <c r="A29" s="32"/>
      <c r="B29" s="23"/>
      <c r="C29" s="23"/>
      <c r="D29" s="23"/>
      <c r="E29" s="23"/>
      <c r="F29" s="23"/>
      <c r="G29" s="23"/>
      <c r="H29" s="23"/>
      <c r="I29" s="23"/>
      <c r="J29" s="23"/>
      <c r="K29" s="23"/>
      <c r="L29" s="23"/>
      <c r="M29" s="23"/>
      <c r="N29" s="34"/>
    </row>
    <row r="30" spans="1:14" ht="22.5" customHeight="1" x14ac:dyDescent="0.45">
      <c r="A30" s="53"/>
      <c r="B30" s="54"/>
      <c r="C30" s="54"/>
      <c r="D30" s="54"/>
      <c r="E30" s="54"/>
      <c r="F30" s="54"/>
      <c r="G30" s="54"/>
      <c r="H30" s="54"/>
      <c r="I30" s="54"/>
      <c r="J30" s="54"/>
      <c r="K30" s="54"/>
      <c r="L30" s="54"/>
      <c r="M30" s="54"/>
      <c r="N30" s="57"/>
    </row>
    <row r="31" spans="1:14" ht="22.5" customHeight="1" x14ac:dyDescent="0.45">
      <c r="A31" s="53"/>
      <c r="B31" s="54"/>
      <c r="C31" s="54"/>
      <c r="D31" s="54"/>
      <c r="E31" s="54"/>
      <c r="F31" s="54"/>
      <c r="G31" s="54"/>
      <c r="H31" s="54"/>
      <c r="I31" s="54"/>
      <c r="J31" s="54"/>
      <c r="K31" s="54"/>
      <c r="L31" s="54"/>
      <c r="M31" s="54"/>
      <c r="N31" s="57"/>
    </row>
    <row r="32" spans="1:14" ht="22.5" customHeight="1" x14ac:dyDescent="0.45">
      <c r="A32" s="53"/>
      <c r="B32" s="54"/>
      <c r="C32" s="54"/>
      <c r="D32" s="54"/>
      <c r="E32" s="54"/>
      <c r="F32" s="54"/>
      <c r="G32" s="54"/>
      <c r="H32" s="54"/>
      <c r="I32" s="54"/>
      <c r="J32" s="54"/>
      <c r="K32" s="54"/>
      <c r="L32" s="54"/>
      <c r="M32" s="54"/>
      <c r="N32" s="57"/>
    </row>
    <row r="33" spans="1:14" ht="22.5" customHeight="1" x14ac:dyDescent="0.45">
      <c r="A33" s="53"/>
      <c r="B33" s="54"/>
      <c r="C33" s="54"/>
      <c r="D33" s="54"/>
      <c r="E33" s="54"/>
      <c r="F33" s="54"/>
      <c r="G33" s="54"/>
      <c r="H33" s="54"/>
      <c r="I33" s="54"/>
      <c r="J33" s="54"/>
      <c r="K33" s="54"/>
      <c r="L33" s="54"/>
      <c r="M33" s="54"/>
      <c r="N33" s="57"/>
    </row>
    <row r="34" spans="1:14" ht="22.5" customHeight="1" x14ac:dyDescent="0.45">
      <c r="A34" s="53"/>
      <c r="B34" s="54"/>
      <c r="C34" s="54"/>
      <c r="D34" s="54"/>
      <c r="E34" s="54"/>
      <c r="F34" s="54"/>
      <c r="G34" s="54"/>
      <c r="H34" s="54"/>
      <c r="I34" s="54"/>
      <c r="J34" s="54"/>
      <c r="K34" s="54"/>
      <c r="L34" s="54"/>
      <c r="M34" s="54"/>
      <c r="N34" s="57"/>
    </row>
    <row r="35" spans="1:14" ht="22.5" customHeight="1" x14ac:dyDescent="0.45">
      <c r="A35" s="53"/>
      <c r="B35" s="54"/>
      <c r="C35" s="54"/>
      <c r="D35" s="54"/>
      <c r="E35" s="54"/>
      <c r="F35" s="54"/>
      <c r="G35" s="54"/>
      <c r="H35" s="54"/>
      <c r="I35" s="54"/>
      <c r="J35" s="54"/>
      <c r="K35" s="54"/>
      <c r="L35" s="54"/>
      <c r="M35" s="54"/>
      <c r="N35" s="57"/>
    </row>
    <row r="36" spans="1:14" ht="22.5" customHeight="1" x14ac:dyDescent="0.45">
      <c r="A36" s="53"/>
      <c r="B36" s="54"/>
      <c r="C36" s="54"/>
      <c r="D36" s="54"/>
      <c r="E36" s="54"/>
      <c r="F36" s="54"/>
      <c r="G36" s="54"/>
      <c r="H36" s="54"/>
      <c r="I36" s="54"/>
      <c r="J36" s="54"/>
      <c r="K36" s="54"/>
      <c r="L36" s="54"/>
      <c r="M36" s="54"/>
      <c r="N36" s="57"/>
    </row>
    <row r="37" spans="1:14" ht="22.5" customHeight="1" x14ac:dyDescent="0.45">
      <c r="A37" s="53"/>
      <c r="B37" s="54"/>
      <c r="C37" s="54"/>
      <c r="D37" s="54"/>
      <c r="E37" s="54"/>
      <c r="F37" s="54"/>
      <c r="G37" s="54"/>
      <c r="H37" s="54"/>
      <c r="I37" s="54"/>
      <c r="J37" s="54"/>
      <c r="K37" s="54"/>
      <c r="L37" s="54"/>
      <c r="M37" s="54"/>
      <c r="N37" s="57"/>
    </row>
    <row r="38" spans="1:14" ht="22.5" customHeight="1" x14ac:dyDescent="0.45">
      <c r="A38" s="53"/>
      <c r="B38" s="54"/>
      <c r="C38" s="54"/>
      <c r="D38" s="54"/>
      <c r="E38" s="54"/>
      <c r="F38" s="54"/>
      <c r="G38" s="54"/>
      <c r="H38" s="54"/>
      <c r="I38" s="54"/>
      <c r="J38" s="54"/>
      <c r="K38" s="54"/>
      <c r="L38" s="54"/>
      <c r="M38" s="54"/>
      <c r="N38" s="57"/>
    </row>
    <row r="39" spans="1:14" ht="22.5" customHeight="1" x14ac:dyDescent="0.45">
      <c r="A39" s="53"/>
      <c r="B39" s="54"/>
      <c r="C39" s="54"/>
      <c r="D39" s="54"/>
      <c r="E39" s="54"/>
      <c r="F39" s="54"/>
      <c r="G39" s="54"/>
      <c r="H39" s="54"/>
      <c r="I39" s="54"/>
      <c r="J39" s="54"/>
      <c r="K39" s="54"/>
      <c r="L39" s="54"/>
      <c r="M39" s="54"/>
      <c r="N39" s="57"/>
    </row>
    <row r="40" spans="1:14" ht="22.5" customHeight="1" x14ac:dyDescent="0.45">
      <c r="A40" s="53"/>
      <c r="B40" s="54"/>
      <c r="C40" s="54"/>
      <c r="D40" s="54"/>
      <c r="E40" s="54"/>
      <c r="F40" s="54"/>
      <c r="G40" s="54"/>
      <c r="H40" s="54"/>
      <c r="I40" s="54"/>
      <c r="J40" s="54"/>
      <c r="K40" s="54"/>
      <c r="L40" s="54"/>
      <c r="M40" s="54"/>
      <c r="N40" s="57"/>
    </row>
    <row r="41" spans="1:14" ht="22.5" customHeight="1" x14ac:dyDescent="0.45">
      <c r="A41" s="53"/>
      <c r="B41" s="54"/>
      <c r="C41" s="54"/>
      <c r="D41" s="54"/>
      <c r="E41" s="54"/>
      <c r="F41" s="54"/>
      <c r="G41" s="54"/>
      <c r="H41" s="54"/>
      <c r="I41" s="54"/>
      <c r="J41" s="54"/>
      <c r="K41" s="54"/>
      <c r="L41" s="54"/>
      <c r="M41" s="54"/>
      <c r="N41" s="57"/>
    </row>
    <row r="42" spans="1:14" ht="22.5" customHeight="1" x14ac:dyDescent="0.45">
      <c r="A42" s="53"/>
      <c r="B42" s="54"/>
      <c r="C42" s="54"/>
      <c r="D42" s="54"/>
      <c r="E42" s="54"/>
      <c r="F42" s="54"/>
      <c r="G42" s="54"/>
      <c r="H42" s="54"/>
      <c r="I42" s="54"/>
      <c r="J42" s="54"/>
      <c r="K42" s="54"/>
      <c r="L42" s="54"/>
      <c r="M42" s="54"/>
      <c r="N42" s="57"/>
    </row>
    <row r="43" spans="1:14" ht="22.5" customHeight="1" x14ac:dyDescent="0.45">
      <c r="A43" s="53"/>
      <c r="B43" s="54"/>
      <c r="C43" s="54"/>
      <c r="D43" s="54"/>
      <c r="E43" s="54"/>
      <c r="F43" s="54"/>
      <c r="G43" s="54"/>
      <c r="H43" s="54"/>
      <c r="I43" s="54"/>
      <c r="J43" s="54"/>
      <c r="K43" s="54"/>
      <c r="L43" s="54"/>
      <c r="M43" s="54"/>
      <c r="N43" s="57"/>
    </row>
    <row r="44" spans="1:14" ht="22.5" customHeight="1" x14ac:dyDescent="0.45">
      <c r="A44" s="53"/>
      <c r="B44" s="54"/>
      <c r="C44" s="54"/>
      <c r="D44" s="54"/>
      <c r="E44" s="54"/>
      <c r="F44" s="54"/>
      <c r="G44" s="54"/>
      <c r="H44" s="54"/>
      <c r="I44" s="54"/>
      <c r="J44" s="54"/>
      <c r="K44" s="54"/>
      <c r="L44" s="54"/>
      <c r="M44" s="54"/>
      <c r="N44" s="57"/>
    </row>
    <row r="45" spans="1:14" ht="22.5" customHeight="1" x14ac:dyDescent="0.45">
      <c r="A45" s="53"/>
      <c r="B45" s="54"/>
      <c r="C45" s="54"/>
      <c r="D45" s="54"/>
      <c r="E45" s="54"/>
      <c r="F45" s="54"/>
      <c r="G45" s="54"/>
      <c r="H45" s="54"/>
      <c r="I45" s="54"/>
      <c r="J45" s="54"/>
      <c r="K45" s="54"/>
      <c r="L45" s="54"/>
      <c r="M45" s="54"/>
      <c r="N45" s="57"/>
    </row>
    <row r="46" spans="1:14" ht="22.5" customHeight="1" x14ac:dyDescent="0.45">
      <c r="A46" s="53"/>
      <c r="B46" s="54"/>
      <c r="C46" s="54"/>
      <c r="D46" s="54"/>
      <c r="E46" s="54"/>
      <c r="F46" s="54"/>
      <c r="G46" s="54"/>
      <c r="H46" s="54"/>
      <c r="I46" s="54"/>
      <c r="J46" s="54"/>
      <c r="K46" s="54"/>
      <c r="L46" s="54"/>
      <c r="M46" s="54"/>
      <c r="N46" s="57"/>
    </row>
    <row r="47" spans="1:14" ht="22.5" customHeight="1" x14ac:dyDescent="0.45">
      <c r="A47" s="53"/>
      <c r="B47" s="54"/>
      <c r="C47" s="54"/>
      <c r="D47" s="54"/>
      <c r="E47" s="54"/>
      <c r="F47" s="54"/>
      <c r="G47" s="54"/>
      <c r="H47" s="54"/>
      <c r="I47" s="54"/>
      <c r="J47" s="54"/>
      <c r="K47" s="54"/>
      <c r="L47" s="54"/>
      <c r="M47" s="54"/>
      <c r="N47" s="57"/>
    </row>
    <row r="48" spans="1:14" ht="22.5" customHeight="1" x14ac:dyDescent="0.45">
      <c r="A48" s="53"/>
      <c r="B48" s="54"/>
      <c r="C48" s="54"/>
      <c r="D48" s="54"/>
      <c r="E48" s="54"/>
      <c r="F48" s="54"/>
      <c r="G48" s="54"/>
      <c r="H48" s="54"/>
      <c r="I48" s="54"/>
      <c r="J48" s="54"/>
      <c r="K48" s="54"/>
      <c r="L48" s="54"/>
      <c r="M48" s="54"/>
      <c r="N48" s="57"/>
    </row>
    <row r="49" spans="1:14" ht="22.5" customHeight="1" x14ac:dyDescent="0.45">
      <c r="A49" s="53"/>
      <c r="B49" s="54"/>
      <c r="C49" s="54"/>
      <c r="D49" s="54"/>
      <c r="E49" s="54"/>
      <c r="F49" s="54"/>
      <c r="G49" s="54"/>
      <c r="H49" s="54"/>
      <c r="I49" s="54"/>
      <c r="J49" s="54"/>
      <c r="K49" s="54"/>
      <c r="L49" s="54"/>
      <c r="M49" s="54"/>
      <c r="N49" s="57"/>
    </row>
    <row r="50" spans="1:14" ht="22.5" customHeight="1" x14ac:dyDescent="0.45">
      <c r="A50" s="53"/>
      <c r="B50" s="54"/>
      <c r="C50" s="54"/>
      <c r="D50" s="54"/>
      <c r="E50" s="54"/>
      <c r="F50" s="54"/>
      <c r="G50" s="54"/>
      <c r="H50" s="54"/>
      <c r="I50" s="54"/>
      <c r="J50" s="54"/>
      <c r="K50" s="54"/>
      <c r="L50" s="54"/>
      <c r="M50" s="54"/>
      <c r="N50" s="57"/>
    </row>
    <row r="51" spans="1:14" ht="22.5" customHeight="1" x14ac:dyDescent="0.45">
      <c r="A51" s="53"/>
      <c r="B51" s="54"/>
      <c r="C51" s="54"/>
      <c r="D51" s="54"/>
      <c r="E51" s="54"/>
      <c r="F51" s="54"/>
      <c r="G51" s="54"/>
      <c r="H51" s="54"/>
      <c r="I51" s="54"/>
      <c r="J51" s="54"/>
      <c r="K51" s="54"/>
      <c r="L51" s="54"/>
      <c r="M51" s="54"/>
      <c r="N51" s="57"/>
    </row>
    <row r="52" spans="1:14" ht="22.5" customHeight="1" x14ac:dyDescent="0.45">
      <c r="A52" s="53"/>
      <c r="B52" s="54"/>
      <c r="C52" s="54"/>
      <c r="D52" s="54"/>
      <c r="E52" s="54"/>
      <c r="F52" s="54"/>
      <c r="G52" s="54"/>
      <c r="H52" s="54"/>
      <c r="I52" s="54"/>
      <c r="J52" s="54"/>
      <c r="K52" s="54"/>
      <c r="L52" s="54"/>
      <c r="M52" s="54"/>
      <c r="N52" s="57"/>
    </row>
    <row r="53" spans="1:14" ht="22.5" customHeight="1" x14ac:dyDescent="0.45">
      <c r="A53" s="53"/>
      <c r="B53" s="54"/>
      <c r="C53" s="54"/>
      <c r="D53" s="54"/>
      <c r="E53" s="54"/>
      <c r="F53" s="54"/>
      <c r="G53" s="54"/>
      <c r="H53" s="54"/>
      <c r="I53" s="54"/>
      <c r="J53" s="54"/>
      <c r="K53" s="54"/>
      <c r="L53" s="54"/>
      <c r="M53" s="54"/>
      <c r="N53" s="57"/>
    </row>
    <row r="54" spans="1:14" ht="22.5" customHeight="1" x14ac:dyDescent="0.45">
      <c r="A54" s="53"/>
      <c r="B54" s="54"/>
      <c r="C54" s="54"/>
      <c r="D54" s="54"/>
      <c r="E54" s="54"/>
      <c r="F54" s="54"/>
      <c r="G54" s="54"/>
      <c r="H54" s="54"/>
      <c r="I54" s="54"/>
      <c r="J54" s="54"/>
      <c r="K54" s="54"/>
      <c r="L54" s="54"/>
      <c r="M54" s="54"/>
      <c r="N54" s="57"/>
    </row>
    <row r="55" spans="1:14" ht="22.5" customHeight="1" x14ac:dyDescent="0.45">
      <c r="A55" s="53"/>
      <c r="B55" s="54"/>
      <c r="C55" s="54"/>
      <c r="D55" s="54"/>
      <c r="E55" s="54"/>
      <c r="F55" s="54"/>
      <c r="G55" s="54"/>
      <c r="H55" s="54"/>
      <c r="I55" s="54"/>
      <c r="J55" s="54"/>
      <c r="K55" s="54"/>
      <c r="L55" s="54"/>
      <c r="M55" s="54"/>
      <c r="N55" s="57"/>
    </row>
    <row r="56" spans="1:14" ht="22.5" customHeight="1" x14ac:dyDescent="0.45">
      <c r="A56" s="53"/>
      <c r="B56" s="54"/>
      <c r="C56" s="54"/>
      <c r="D56" s="54"/>
      <c r="E56" s="54"/>
      <c r="F56" s="54"/>
      <c r="G56" s="54"/>
      <c r="H56" s="54"/>
      <c r="I56" s="54"/>
      <c r="J56" s="54"/>
      <c r="K56" s="54"/>
      <c r="L56" s="54"/>
      <c r="M56" s="54"/>
      <c r="N56" s="57"/>
    </row>
    <row r="57" spans="1:14" ht="22.5" customHeight="1" x14ac:dyDescent="0.45">
      <c r="A57" s="53"/>
      <c r="B57" s="54"/>
      <c r="C57" s="54"/>
      <c r="D57" s="54"/>
      <c r="E57" s="54"/>
      <c r="F57" s="54"/>
      <c r="G57" s="54"/>
      <c r="H57" s="54"/>
      <c r="I57" s="54"/>
      <c r="J57" s="54"/>
      <c r="K57" s="54"/>
      <c r="L57" s="54"/>
      <c r="M57" s="54"/>
      <c r="N57" s="57"/>
    </row>
    <row r="58" spans="1:14" ht="22.5" customHeight="1" x14ac:dyDescent="0.45">
      <c r="A58" s="53"/>
      <c r="B58" s="54"/>
      <c r="C58" s="54"/>
      <c r="D58" s="54"/>
      <c r="E58" s="54"/>
      <c r="F58" s="54"/>
      <c r="G58" s="54"/>
      <c r="H58" s="54"/>
      <c r="I58" s="54"/>
      <c r="J58" s="54"/>
      <c r="K58" s="54"/>
      <c r="L58" s="54"/>
      <c r="M58" s="54"/>
      <c r="N58" s="57"/>
    </row>
    <row r="59" spans="1:14" ht="22.5" customHeight="1" x14ac:dyDescent="0.45">
      <c r="A59" s="53"/>
      <c r="B59" s="54"/>
      <c r="C59" s="54"/>
      <c r="D59" s="54"/>
      <c r="E59" s="54"/>
      <c r="F59" s="54"/>
      <c r="G59" s="54"/>
      <c r="H59" s="54"/>
      <c r="I59" s="54"/>
      <c r="J59" s="54"/>
      <c r="K59" s="54"/>
      <c r="L59" s="54"/>
      <c r="M59" s="54"/>
      <c r="N59" s="57"/>
    </row>
    <row r="60" spans="1:14" ht="22.5" customHeight="1" x14ac:dyDescent="0.45">
      <c r="A60" s="53"/>
      <c r="B60" s="54"/>
      <c r="C60" s="54"/>
      <c r="D60" s="54"/>
      <c r="E60" s="54"/>
      <c r="F60" s="54"/>
      <c r="G60" s="54"/>
      <c r="H60" s="54"/>
      <c r="I60" s="54"/>
      <c r="J60" s="54"/>
      <c r="K60" s="54"/>
      <c r="L60" s="54"/>
      <c r="M60" s="54"/>
      <c r="N60" s="57"/>
    </row>
    <row r="61" spans="1:14" ht="22.5" customHeight="1" x14ac:dyDescent="0.45">
      <c r="A61" s="53"/>
      <c r="B61" s="54"/>
      <c r="C61" s="54"/>
      <c r="D61" s="54"/>
      <c r="E61" s="54"/>
      <c r="F61" s="54"/>
      <c r="G61" s="54"/>
      <c r="H61" s="54"/>
      <c r="I61" s="54"/>
      <c r="J61" s="54"/>
      <c r="K61" s="54"/>
      <c r="L61" s="54"/>
      <c r="M61" s="54"/>
      <c r="N61" s="57"/>
    </row>
    <row r="62" spans="1:14" ht="22.5" customHeight="1" x14ac:dyDescent="0.45">
      <c r="A62" s="53"/>
      <c r="B62" s="54"/>
      <c r="C62" s="54"/>
      <c r="D62" s="54"/>
      <c r="E62" s="54"/>
      <c r="F62" s="54"/>
      <c r="G62" s="54"/>
      <c r="H62" s="54"/>
      <c r="I62" s="54"/>
      <c r="J62" s="54"/>
      <c r="K62" s="54"/>
      <c r="L62" s="54"/>
      <c r="M62" s="54"/>
      <c r="N62" s="57"/>
    </row>
    <row r="63" spans="1:14" ht="22.5" customHeight="1" x14ac:dyDescent="0.45">
      <c r="A63" s="53"/>
      <c r="B63" s="54"/>
      <c r="C63" s="54"/>
      <c r="D63" s="54"/>
      <c r="E63" s="54"/>
      <c r="F63" s="54"/>
      <c r="G63" s="54"/>
      <c r="H63" s="54"/>
      <c r="I63" s="54"/>
      <c r="J63" s="54"/>
      <c r="K63" s="54"/>
      <c r="L63" s="54"/>
      <c r="M63" s="54"/>
      <c r="N63" s="57"/>
    </row>
    <row r="64" spans="1:14" ht="22.5" customHeight="1" x14ac:dyDescent="0.45">
      <c r="A64" s="53"/>
      <c r="B64" s="54"/>
      <c r="C64" s="54"/>
      <c r="D64" s="54"/>
      <c r="E64" s="54"/>
      <c r="F64" s="54"/>
      <c r="G64" s="54"/>
      <c r="H64" s="54"/>
      <c r="I64" s="54"/>
      <c r="J64" s="54"/>
      <c r="K64" s="54"/>
      <c r="L64" s="54"/>
      <c r="M64" s="54"/>
      <c r="N64" s="57"/>
    </row>
    <row r="65" spans="1:14" ht="22.5" customHeight="1" x14ac:dyDescent="0.45">
      <c r="A65" s="53"/>
      <c r="B65" s="54"/>
      <c r="C65" s="54"/>
      <c r="D65" s="54"/>
      <c r="E65" s="54"/>
      <c r="F65" s="54"/>
      <c r="G65" s="54"/>
      <c r="H65" s="54"/>
      <c r="I65" s="54"/>
      <c r="J65" s="54"/>
      <c r="K65" s="54"/>
      <c r="L65" s="54"/>
      <c r="M65" s="54"/>
      <c r="N65" s="57"/>
    </row>
    <row r="66" spans="1:14" ht="22.5" customHeight="1" x14ac:dyDescent="0.45">
      <c r="A66" s="53"/>
      <c r="B66" s="54"/>
      <c r="C66" s="54"/>
      <c r="D66" s="54"/>
      <c r="E66" s="54"/>
      <c r="F66" s="54"/>
      <c r="G66" s="54"/>
      <c r="H66" s="54"/>
      <c r="I66" s="54"/>
      <c r="J66" s="54"/>
      <c r="K66" s="54"/>
      <c r="L66" s="54"/>
      <c r="M66" s="54"/>
      <c r="N66" s="57"/>
    </row>
    <row r="67" spans="1:14" ht="22.5" customHeight="1" x14ac:dyDescent="0.45">
      <c r="A67" s="53"/>
      <c r="B67" s="54"/>
      <c r="C67" s="54"/>
      <c r="D67" s="54"/>
      <c r="E67" s="54"/>
      <c r="F67" s="54"/>
      <c r="G67" s="54"/>
      <c r="H67" s="54"/>
      <c r="I67" s="54"/>
      <c r="J67" s="54"/>
      <c r="K67" s="54"/>
      <c r="L67" s="54"/>
      <c r="M67" s="54"/>
      <c r="N67" s="57"/>
    </row>
    <row r="68" spans="1:14" ht="22.5" customHeight="1" x14ac:dyDescent="0.45">
      <c r="A68" s="65"/>
      <c r="B68" s="66"/>
      <c r="C68" s="66"/>
      <c r="D68" s="66"/>
      <c r="E68" s="66"/>
      <c r="F68" s="66"/>
      <c r="G68" s="66"/>
      <c r="H68" s="66"/>
      <c r="I68" s="66"/>
      <c r="J68" s="66"/>
      <c r="K68" s="66"/>
      <c r="L68" s="66"/>
      <c r="M68" s="66"/>
      <c r="N68" s="67"/>
    </row>
    <row r="69" spans="1:14" ht="22.5" customHeight="1" x14ac:dyDescent="0.45">
      <c r="A69" s="54"/>
      <c r="B69" s="54"/>
      <c r="C69" s="54"/>
      <c r="D69" s="54"/>
      <c r="E69" s="54"/>
      <c r="F69" s="54"/>
      <c r="G69" s="54"/>
      <c r="H69" s="54"/>
      <c r="I69" s="54"/>
      <c r="J69" s="54"/>
      <c r="K69" s="54"/>
      <c r="L69" s="54"/>
      <c r="M69" s="54"/>
      <c r="N69" s="54"/>
    </row>
    <row r="70" spans="1:14" ht="22.5" customHeight="1" x14ac:dyDescent="0.45">
      <c r="A70" s="54"/>
      <c r="B70" s="54"/>
      <c r="C70" s="54"/>
      <c r="D70" s="54"/>
      <c r="E70" s="54"/>
      <c r="F70" s="54"/>
      <c r="G70" s="54"/>
      <c r="H70" s="54"/>
      <c r="I70" s="54"/>
      <c r="J70" s="54"/>
      <c r="K70" s="54"/>
      <c r="L70" s="54"/>
      <c r="M70" s="54"/>
      <c r="N70" s="54"/>
    </row>
    <row r="71" spans="1:14" ht="22.5" customHeight="1" x14ac:dyDescent="0.45">
      <c r="A71" s="54"/>
      <c r="B71" s="54"/>
      <c r="C71" s="54"/>
      <c r="D71" s="54"/>
      <c r="E71" s="54"/>
      <c r="F71" s="54"/>
      <c r="G71" s="54"/>
      <c r="H71" s="54"/>
      <c r="I71" s="54"/>
      <c r="J71" s="54"/>
      <c r="K71" s="54"/>
      <c r="L71" s="54"/>
      <c r="M71" s="54"/>
      <c r="N71" s="54"/>
    </row>
  </sheetData>
  <sheetProtection selectLockedCells="1" selectUnlockedCells="1"/>
  <mergeCells count="23">
    <mergeCell ref="C19:E19"/>
    <mergeCell ref="C20:I20"/>
    <mergeCell ref="C21:I21"/>
    <mergeCell ref="C22:I22"/>
    <mergeCell ref="C23:I23"/>
    <mergeCell ref="F17:H17"/>
    <mergeCell ref="C12:E12"/>
    <mergeCell ref="F12:H12"/>
    <mergeCell ref="C13:E13"/>
    <mergeCell ref="F13:H13"/>
    <mergeCell ref="C14:E14"/>
    <mergeCell ref="F14:H14"/>
    <mergeCell ref="C15:E15"/>
    <mergeCell ref="F15:H15"/>
    <mergeCell ref="C16:E16"/>
    <mergeCell ref="F16:H16"/>
    <mergeCell ref="C17:E17"/>
    <mergeCell ref="B6:M6"/>
    <mergeCell ref="B7:M7"/>
    <mergeCell ref="C8:E8"/>
    <mergeCell ref="C9:E9"/>
    <mergeCell ref="C11:E11"/>
    <mergeCell ref="F11:H11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5" orientation="portrait" blackAndWhite="1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 codeName="Sheet13"/>
  <dimension ref="A1:U200"/>
  <sheetViews>
    <sheetView showGridLines="0" view="pageBreakPreview" zoomScale="50" zoomScaleNormal="60" zoomScaleSheetLayoutView="50" workbookViewId="0"/>
  </sheetViews>
  <sheetFormatPr defaultColWidth="8.8984375" defaultRowHeight="22.5" customHeight="1" x14ac:dyDescent="0.45"/>
  <cols>
    <col min="1" max="1" width="3.59765625" style="1" customWidth="1"/>
    <col min="2" max="7" width="1.8984375" style="1" customWidth="1"/>
    <col min="8" max="8" width="36.59765625" style="1" customWidth="1"/>
    <col min="9" max="9" width="33.59765625" style="1" customWidth="1"/>
    <col min="10" max="10" width="1.09765625" style="1" customWidth="1"/>
    <col min="11" max="11" width="2.19921875" style="1" customWidth="1"/>
    <col min="12" max="17" width="1.8984375" style="1" customWidth="1"/>
    <col min="18" max="18" width="36.59765625" style="1" customWidth="1"/>
    <col min="19" max="19" width="33.59765625" style="1" customWidth="1"/>
    <col min="20" max="20" width="1.09765625" style="1" customWidth="1"/>
    <col min="21" max="21" width="3.59765625" style="1" customWidth="1"/>
    <col min="22" max="16384" width="8.8984375" style="1"/>
  </cols>
  <sheetData>
    <row r="1" spans="1:21" ht="22.5" customHeight="1" x14ac:dyDescent="0.45">
      <c r="B1" s="49" t="s">
        <v>12</v>
      </c>
    </row>
    <row r="2" spans="1:21" ht="22.5" customHeight="1" x14ac:dyDescent="0.45">
      <c r="B2" s="49" t="s">
        <v>74</v>
      </c>
    </row>
    <row r="3" spans="1:21" ht="22.5" customHeight="1" x14ac:dyDescent="0.45">
      <c r="B3" s="49"/>
    </row>
    <row r="4" spans="1:21" ht="22.5" customHeight="1" x14ac:dyDescent="0.45">
      <c r="A4" s="68"/>
      <c r="B4" s="4"/>
      <c r="C4" s="4"/>
      <c r="D4" s="4"/>
      <c r="E4" s="4"/>
      <c r="F4" s="4"/>
      <c r="G4" s="4"/>
      <c r="H4" s="4"/>
      <c r="I4" s="4"/>
      <c r="J4" s="4"/>
      <c r="K4" s="4"/>
      <c r="L4" s="4"/>
      <c r="M4" s="4"/>
      <c r="N4" s="4"/>
      <c r="O4" s="4"/>
      <c r="P4" s="4"/>
      <c r="Q4" s="4"/>
      <c r="R4" s="4"/>
      <c r="S4" s="4"/>
      <c r="T4" s="4"/>
      <c r="U4" s="5"/>
    </row>
    <row r="5" spans="1:21" ht="22.5" customHeight="1" x14ac:dyDescent="0.2">
      <c r="A5" s="6"/>
      <c r="B5" s="7"/>
      <c r="C5" s="69"/>
      <c r="D5" s="69"/>
      <c r="E5" s="69"/>
      <c r="F5" s="69"/>
      <c r="G5" s="69"/>
      <c r="H5" s="69"/>
      <c r="I5" s="69"/>
      <c r="J5" s="69"/>
      <c r="K5" s="69"/>
      <c r="L5" s="69"/>
      <c r="M5" s="69"/>
      <c r="N5" s="69"/>
      <c r="O5" s="69"/>
      <c r="P5" s="69"/>
      <c r="Q5" s="69"/>
      <c r="R5" s="69"/>
      <c r="S5" s="69"/>
      <c r="T5" s="69"/>
      <c r="U5" s="9"/>
    </row>
    <row r="6" spans="1:21" ht="28.2" x14ac:dyDescent="0.35">
      <c r="A6" s="6"/>
      <c r="B6" s="160" t="s">
        <v>20</v>
      </c>
      <c r="C6" s="160"/>
      <c r="D6" s="160"/>
      <c r="E6" s="160"/>
      <c r="F6" s="160"/>
      <c r="G6" s="160"/>
      <c r="H6" s="160"/>
      <c r="I6" s="160"/>
      <c r="J6" s="160"/>
      <c r="K6" s="160"/>
      <c r="L6" s="160"/>
      <c r="M6" s="160"/>
      <c r="N6" s="160"/>
      <c r="O6" s="160"/>
      <c r="P6" s="160"/>
      <c r="Q6" s="160"/>
      <c r="R6" s="160"/>
      <c r="S6" s="160"/>
      <c r="T6" s="70"/>
      <c r="U6" s="9"/>
    </row>
    <row r="7" spans="1:21" ht="22.5" customHeight="1" x14ac:dyDescent="0.45">
      <c r="A7" s="6"/>
      <c r="B7" s="161" t="s">
        <v>118</v>
      </c>
      <c r="C7" s="161"/>
      <c r="D7" s="161"/>
      <c r="E7" s="161"/>
      <c r="F7" s="161"/>
      <c r="G7" s="161"/>
      <c r="H7" s="161"/>
      <c r="I7" s="161"/>
      <c r="J7" s="161"/>
      <c r="K7" s="161"/>
      <c r="L7" s="161"/>
      <c r="M7" s="161"/>
      <c r="N7" s="161"/>
      <c r="O7" s="161"/>
      <c r="P7" s="161"/>
      <c r="Q7" s="161"/>
      <c r="R7" s="161"/>
      <c r="S7" s="161"/>
      <c r="T7" s="71"/>
      <c r="U7" s="9"/>
    </row>
    <row r="8" spans="1:21" ht="22.5" hidden="1" customHeight="1" x14ac:dyDescent="0.45">
      <c r="A8" s="6"/>
      <c r="B8" s="72"/>
      <c r="C8" s="72"/>
      <c r="D8" s="72"/>
      <c r="E8" s="72"/>
      <c r="F8" s="72"/>
      <c r="G8" s="72"/>
      <c r="H8" s="72"/>
      <c r="I8" s="72"/>
      <c r="J8" s="72"/>
      <c r="K8" s="72"/>
      <c r="L8" s="72"/>
      <c r="M8" s="72"/>
      <c r="N8" s="72"/>
      <c r="O8" s="72"/>
      <c r="P8" s="72"/>
      <c r="Q8" s="72"/>
      <c r="R8" s="72"/>
      <c r="S8" s="72"/>
      <c r="T8" s="72"/>
      <c r="U8" s="9"/>
    </row>
    <row r="9" spans="1:21" ht="22.5" hidden="1" customHeight="1" x14ac:dyDescent="0.45">
      <c r="A9" s="6"/>
      <c r="B9" s="159"/>
      <c r="C9" s="159"/>
      <c r="D9" s="159"/>
      <c r="E9" s="73"/>
      <c r="F9" s="73"/>
      <c r="G9" s="73"/>
      <c r="H9" s="72"/>
      <c r="I9" s="72"/>
      <c r="J9" s="72"/>
      <c r="K9" s="158"/>
      <c r="L9" s="158"/>
      <c r="M9" s="158"/>
      <c r="N9" s="158"/>
      <c r="O9" s="74"/>
      <c r="P9" s="74"/>
      <c r="Q9" s="74"/>
      <c r="R9" s="75"/>
      <c r="S9" s="72"/>
      <c r="T9" s="72"/>
      <c r="U9" s="9"/>
    </row>
    <row r="10" spans="1:21" ht="22.5" hidden="1" customHeight="1" x14ac:dyDescent="0.45">
      <c r="A10" s="6"/>
      <c r="B10" s="72"/>
      <c r="C10" s="72"/>
      <c r="D10" s="72"/>
      <c r="E10" s="72"/>
      <c r="F10" s="72"/>
      <c r="G10" s="72"/>
      <c r="H10" s="72"/>
      <c r="I10" s="72"/>
      <c r="J10" s="72"/>
      <c r="K10" s="158"/>
      <c r="L10" s="158"/>
      <c r="M10" s="158"/>
      <c r="N10" s="158"/>
      <c r="O10" s="74"/>
      <c r="P10" s="74"/>
      <c r="Q10" s="74"/>
      <c r="R10" s="75"/>
      <c r="S10" s="72"/>
      <c r="T10" s="72"/>
      <c r="U10" s="9"/>
    </row>
    <row r="11" spans="1:21" ht="22.5" hidden="1" customHeight="1" x14ac:dyDescent="0.45">
      <c r="A11" s="6"/>
      <c r="B11" s="72"/>
      <c r="C11" s="72"/>
      <c r="D11" s="72"/>
      <c r="E11" s="72"/>
      <c r="F11" s="72"/>
      <c r="G11" s="72"/>
      <c r="H11" s="72"/>
      <c r="I11" s="72"/>
      <c r="J11" s="72"/>
      <c r="K11" s="158"/>
      <c r="L11" s="158"/>
      <c r="M11" s="158"/>
      <c r="N11" s="158"/>
      <c r="O11" s="74"/>
      <c r="P11" s="74"/>
      <c r="Q11" s="74"/>
      <c r="R11" s="75"/>
      <c r="S11" s="72"/>
      <c r="T11" s="72"/>
      <c r="U11" s="9"/>
    </row>
    <row r="12" spans="1:21" ht="22.5" hidden="1" customHeight="1" x14ac:dyDescent="0.45">
      <c r="A12" s="6"/>
      <c r="B12" s="72"/>
      <c r="C12" s="72"/>
      <c r="D12" s="72"/>
      <c r="E12" s="72"/>
      <c r="F12" s="72"/>
      <c r="G12" s="72"/>
      <c r="H12" s="72"/>
      <c r="I12" s="72"/>
      <c r="J12" s="72"/>
      <c r="K12" s="158"/>
      <c r="L12" s="158"/>
      <c r="M12" s="158"/>
      <c r="N12" s="158"/>
      <c r="O12" s="74"/>
      <c r="P12" s="74"/>
      <c r="Q12" s="74"/>
      <c r="R12" s="75"/>
      <c r="S12" s="72"/>
      <c r="T12" s="72"/>
      <c r="U12" s="9"/>
    </row>
    <row r="13" spans="1:21" ht="22.5" hidden="1" customHeight="1" x14ac:dyDescent="0.45">
      <c r="A13" s="6"/>
      <c r="B13" s="72"/>
      <c r="C13" s="72"/>
      <c r="D13" s="72"/>
      <c r="E13" s="72"/>
      <c r="F13" s="72"/>
      <c r="G13" s="72"/>
      <c r="H13" s="72"/>
      <c r="I13" s="72"/>
      <c r="J13" s="72"/>
      <c r="K13" s="158"/>
      <c r="L13" s="158"/>
      <c r="M13" s="158"/>
      <c r="N13" s="158"/>
      <c r="O13" s="74"/>
      <c r="P13" s="74"/>
      <c r="Q13" s="74"/>
      <c r="R13" s="75"/>
      <c r="S13" s="72"/>
      <c r="T13" s="72"/>
      <c r="U13" s="9"/>
    </row>
    <row r="14" spans="1:21" ht="22.5" customHeight="1" x14ac:dyDescent="0.45">
      <c r="A14" s="6"/>
      <c r="B14" s="72"/>
      <c r="C14" s="72"/>
      <c r="D14" s="72"/>
      <c r="E14" s="72"/>
      <c r="F14" s="72"/>
      <c r="G14" s="72"/>
      <c r="H14" s="72"/>
      <c r="I14" s="72"/>
      <c r="J14" s="72"/>
      <c r="K14" s="72"/>
      <c r="L14" s="159"/>
      <c r="M14" s="159"/>
      <c r="N14" s="159"/>
      <c r="O14" s="73"/>
      <c r="P14" s="73"/>
      <c r="Q14" s="73"/>
      <c r="R14" s="76"/>
      <c r="S14" s="72"/>
      <c r="T14" s="72"/>
      <c r="U14" s="9"/>
    </row>
    <row r="15" spans="1:21" ht="19.2" x14ac:dyDescent="0.45">
      <c r="A15" s="6"/>
      <c r="B15" s="142"/>
      <c r="C15" s="142"/>
      <c r="D15" s="142"/>
      <c r="E15" s="77"/>
      <c r="F15" s="77"/>
      <c r="G15" s="77"/>
      <c r="H15" s="7"/>
      <c r="I15" s="15"/>
      <c r="J15" s="15" t="s">
        <v>2</v>
      </c>
      <c r="K15" s="7"/>
      <c r="L15" s="78"/>
      <c r="M15" s="78"/>
      <c r="N15" s="78"/>
      <c r="O15" s="78"/>
      <c r="P15" s="78"/>
      <c r="Q15" s="78"/>
      <c r="R15" s="78"/>
      <c r="S15" s="15"/>
      <c r="T15" s="15"/>
      <c r="U15" s="9"/>
    </row>
    <row r="16" spans="1:21" ht="22.5" customHeight="1" x14ac:dyDescent="0.45">
      <c r="A16" s="6"/>
      <c r="B16" s="31" t="s">
        <v>170</v>
      </c>
      <c r="C16" s="18"/>
      <c r="D16" s="18"/>
      <c r="E16" s="18"/>
      <c r="F16" s="18"/>
      <c r="G16" s="18"/>
      <c r="H16" s="19"/>
      <c r="I16" s="20"/>
      <c r="J16" s="22"/>
      <c r="K16" s="23"/>
      <c r="L16" s="31"/>
      <c r="M16" s="18" t="s">
        <v>209</v>
      </c>
      <c r="N16" s="18"/>
      <c r="O16" s="18"/>
      <c r="P16" s="18"/>
      <c r="Q16" s="18"/>
      <c r="R16" s="18"/>
      <c r="S16" s="20">
        <v>0</v>
      </c>
      <c r="T16" s="22"/>
      <c r="U16" s="9"/>
    </row>
    <row r="17" spans="1:21" ht="22.5" customHeight="1" x14ac:dyDescent="0.45">
      <c r="A17" s="6"/>
      <c r="B17" s="32"/>
      <c r="C17" s="23" t="s">
        <v>171</v>
      </c>
      <c r="D17" s="23"/>
      <c r="E17" s="23"/>
      <c r="F17" s="23"/>
      <c r="G17" s="23"/>
      <c r="H17" s="23"/>
      <c r="I17" s="24">
        <v>0</v>
      </c>
      <c r="J17" s="109"/>
      <c r="K17" s="23"/>
      <c r="L17" s="32"/>
      <c r="M17" s="23"/>
      <c r="N17" s="23" t="s">
        <v>210</v>
      </c>
      <c r="O17" s="23"/>
      <c r="P17" s="23"/>
      <c r="Q17" s="23"/>
      <c r="R17" s="23"/>
      <c r="S17" s="24">
        <v>0</v>
      </c>
      <c r="T17" s="109"/>
      <c r="U17" s="9"/>
    </row>
    <row r="18" spans="1:21" ht="22.5" customHeight="1" x14ac:dyDescent="0.45">
      <c r="A18" s="6"/>
      <c r="B18" s="32"/>
      <c r="C18" s="23"/>
      <c r="D18" s="23" t="s">
        <v>172</v>
      </c>
      <c r="E18" s="23"/>
      <c r="F18" s="23"/>
      <c r="G18" s="23"/>
      <c r="H18" s="23"/>
      <c r="I18" s="24">
        <v>0</v>
      </c>
      <c r="J18" s="109"/>
      <c r="K18" s="23"/>
      <c r="L18" s="32"/>
      <c r="M18" s="23"/>
      <c r="N18" s="23" t="s">
        <v>211</v>
      </c>
      <c r="O18" s="23"/>
      <c r="P18" s="23"/>
      <c r="Q18" s="23"/>
      <c r="R18" s="23"/>
      <c r="S18" s="24">
        <v>0</v>
      </c>
      <c r="T18" s="109"/>
      <c r="U18" s="9"/>
    </row>
    <row r="19" spans="1:21" ht="22.5" customHeight="1" x14ac:dyDescent="0.45">
      <c r="A19" s="6"/>
      <c r="B19" s="32"/>
      <c r="C19" s="23"/>
      <c r="D19" s="23" t="s">
        <v>173</v>
      </c>
      <c r="E19" s="23"/>
      <c r="F19" s="23"/>
      <c r="G19" s="23"/>
      <c r="H19" s="23"/>
      <c r="I19" s="24">
        <v>0</v>
      </c>
      <c r="J19" s="109"/>
      <c r="K19" s="23"/>
      <c r="L19" s="32"/>
      <c r="M19" s="23"/>
      <c r="N19" s="23"/>
      <c r="O19" s="23" t="s">
        <v>212</v>
      </c>
      <c r="P19" s="23"/>
      <c r="Q19" s="23"/>
      <c r="R19" s="23"/>
      <c r="S19" s="24">
        <v>0</v>
      </c>
      <c r="T19" s="109"/>
      <c r="U19" s="9"/>
    </row>
    <row r="20" spans="1:21" ht="22.5" customHeight="1" x14ac:dyDescent="0.45">
      <c r="A20" s="6"/>
      <c r="B20" s="32"/>
      <c r="C20" s="23"/>
      <c r="D20" s="23" t="s">
        <v>174</v>
      </c>
      <c r="E20" s="23"/>
      <c r="F20" s="23"/>
      <c r="G20" s="23"/>
      <c r="H20" s="23"/>
      <c r="I20" s="24">
        <v>0</v>
      </c>
      <c r="J20" s="109"/>
      <c r="K20" s="23"/>
      <c r="L20" s="32"/>
      <c r="M20" s="23"/>
      <c r="N20" s="23"/>
      <c r="O20" s="23" t="s">
        <v>213</v>
      </c>
      <c r="P20" s="23"/>
      <c r="Q20" s="23"/>
      <c r="R20" s="23"/>
      <c r="S20" s="24">
        <v>0</v>
      </c>
      <c r="T20" s="109"/>
      <c r="U20" s="9"/>
    </row>
    <row r="21" spans="1:21" ht="22.5" customHeight="1" x14ac:dyDescent="0.45">
      <c r="A21" s="6"/>
      <c r="B21" s="32"/>
      <c r="C21" s="23"/>
      <c r="D21" s="23" t="s">
        <v>175</v>
      </c>
      <c r="E21" s="23"/>
      <c r="F21" s="23"/>
      <c r="G21" s="23"/>
      <c r="H21" s="23"/>
      <c r="I21" s="24">
        <v>0</v>
      </c>
      <c r="J21" s="109"/>
      <c r="K21" s="23"/>
      <c r="L21" s="32"/>
      <c r="M21" s="23"/>
      <c r="N21" s="23" t="s">
        <v>214</v>
      </c>
      <c r="O21" s="23"/>
      <c r="P21" s="23"/>
      <c r="Q21" s="23"/>
      <c r="R21" s="23"/>
      <c r="S21" s="24">
        <v>0</v>
      </c>
      <c r="T21" s="109"/>
      <c r="U21" s="9"/>
    </row>
    <row r="22" spans="1:21" ht="22.5" customHeight="1" x14ac:dyDescent="0.45">
      <c r="A22" s="6"/>
      <c r="B22" s="32"/>
      <c r="C22" s="23"/>
      <c r="D22" s="23" t="s">
        <v>176</v>
      </c>
      <c r="E22" s="23"/>
      <c r="F22" s="23"/>
      <c r="G22" s="23"/>
      <c r="H22" s="23"/>
      <c r="I22" s="24">
        <v>0</v>
      </c>
      <c r="J22" s="109"/>
      <c r="K22" s="23"/>
      <c r="L22" s="32"/>
      <c r="M22" s="23"/>
      <c r="N22" s="23" t="s">
        <v>215</v>
      </c>
      <c r="O22" s="23"/>
      <c r="P22" s="23"/>
      <c r="Q22" s="23"/>
      <c r="R22" s="23"/>
      <c r="S22" s="24">
        <v>0</v>
      </c>
      <c r="T22" s="109"/>
      <c r="U22" s="9"/>
    </row>
    <row r="23" spans="1:21" ht="22.5" customHeight="1" x14ac:dyDescent="0.45">
      <c r="A23" s="6"/>
      <c r="B23" s="32"/>
      <c r="C23" s="23"/>
      <c r="D23" s="23" t="s">
        <v>177</v>
      </c>
      <c r="E23" s="23"/>
      <c r="F23" s="23"/>
      <c r="G23" s="23"/>
      <c r="H23" s="23"/>
      <c r="I23" s="24">
        <v>0</v>
      </c>
      <c r="J23" s="109"/>
      <c r="K23" s="23"/>
      <c r="L23" s="32"/>
      <c r="M23" s="23"/>
      <c r="N23" s="23" t="s">
        <v>194</v>
      </c>
      <c r="O23" s="23"/>
      <c r="P23" s="23"/>
      <c r="Q23" s="23"/>
      <c r="R23" s="23"/>
      <c r="S23" s="24">
        <v>0</v>
      </c>
      <c r="T23" s="109"/>
      <c r="U23" s="9"/>
    </row>
    <row r="24" spans="1:21" ht="22.5" customHeight="1" x14ac:dyDescent="0.45">
      <c r="A24" s="6"/>
      <c r="B24" s="32"/>
      <c r="C24" s="23"/>
      <c r="D24" s="23" t="s">
        <v>178</v>
      </c>
      <c r="E24" s="23"/>
      <c r="F24" s="23"/>
      <c r="G24" s="23"/>
      <c r="H24" s="23"/>
      <c r="I24" s="24">
        <v>0</v>
      </c>
      <c r="J24" s="109"/>
      <c r="K24" s="23"/>
      <c r="L24" s="32"/>
      <c r="M24" s="23"/>
      <c r="N24" s="23"/>
      <c r="O24" s="23" t="s">
        <v>195</v>
      </c>
      <c r="P24" s="23"/>
      <c r="Q24" s="23"/>
      <c r="R24" s="23"/>
      <c r="S24" s="24">
        <v>0</v>
      </c>
      <c r="T24" s="109"/>
      <c r="U24" s="9"/>
    </row>
    <row r="25" spans="1:21" ht="22.5" customHeight="1" x14ac:dyDescent="0.45">
      <c r="A25" s="6"/>
      <c r="B25" s="32"/>
      <c r="C25" s="23"/>
      <c r="D25" s="23" t="s">
        <v>179</v>
      </c>
      <c r="E25" s="23"/>
      <c r="F25" s="23"/>
      <c r="G25" s="23"/>
      <c r="H25" s="23"/>
      <c r="I25" s="24">
        <v>0</v>
      </c>
      <c r="J25" s="109"/>
      <c r="K25" s="23"/>
      <c r="L25" s="32"/>
      <c r="M25" s="23"/>
      <c r="N25" s="23"/>
      <c r="O25" s="23" t="s">
        <v>196</v>
      </c>
      <c r="P25" s="23"/>
      <c r="Q25" s="23"/>
      <c r="R25" s="23"/>
      <c r="S25" s="24">
        <v>0</v>
      </c>
      <c r="T25" s="109"/>
      <c r="U25" s="9"/>
    </row>
    <row r="26" spans="1:21" ht="22.5" customHeight="1" x14ac:dyDescent="0.45">
      <c r="A26" s="6"/>
      <c r="B26" s="32"/>
      <c r="C26" s="23"/>
      <c r="D26" s="23" t="s">
        <v>180</v>
      </c>
      <c r="E26" s="23"/>
      <c r="F26" s="23"/>
      <c r="G26" s="23"/>
      <c r="H26" s="23"/>
      <c r="I26" s="24">
        <v>0</v>
      </c>
      <c r="J26" s="109"/>
      <c r="K26" s="23"/>
      <c r="L26" s="32"/>
      <c r="M26" s="23"/>
      <c r="N26" s="23"/>
      <c r="O26" s="23" t="s">
        <v>197</v>
      </c>
      <c r="P26" s="23"/>
      <c r="Q26" s="23"/>
      <c r="R26" s="23"/>
      <c r="S26" s="24">
        <v>0</v>
      </c>
      <c r="T26" s="109"/>
      <c r="U26" s="9"/>
    </row>
    <row r="27" spans="1:21" ht="22.5" customHeight="1" x14ac:dyDescent="0.45">
      <c r="A27" s="6"/>
      <c r="B27" s="32"/>
      <c r="C27" s="23"/>
      <c r="D27" s="23" t="s">
        <v>181</v>
      </c>
      <c r="E27" s="23"/>
      <c r="F27" s="23"/>
      <c r="G27" s="23"/>
      <c r="H27" s="23"/>
      <c r="I27" s="24">
        <v>0</v>
      </c>
      <c r="J27" s="109"/>
      <c r="K27" s="23"/>
      <c r="L27" s="32"/>
      <c r="M27" s="23"/>
      <c r="N27" s="23" t="s">
        <v>216</v>
      </c>
      <c r="O27" s="23"/>
      <c r="P27" s="23"/>
      <c r="Q27" s="23"/>
      <c r="R27" s="23"/>
      <c r="S27" s="24">
        <v>0</v>
      </c>
      <c r="T27" s="109"/>
      <c r="U27" s="9"/>
    </row>
    <row r="28" spans="1:21" ht="22.5" customHeight="1" x14ac:dyDescent="0.45">
      <c r="A28" s="6"/>
      <c r="B28" s="32"/>
      <c r="C28" s="23"/>
      <c r="D28" s="23"/>
      <c r="E28" s="23" t="s">
        <v>182</v>
      </c>
      <c r="F28" s="23"/>
      <c r="G28" s="23"/>
      <c r="H28" s="23"/>
      <c r="I28" s="24">
        <v>0</v>
      </c>
      <c r="J28" s="109"/>
      <c r="K28" s="23"/>
      <c r="L28" s="100" t="s">
        <v>217</v>
      </c>
      <c r="M28" s="102"/>
      <c r="N28" s="102"/>
      <c r="O28" s="102"/>
      <c r="P28" s="102"/>
      <c r="Q28" s="102"/>
      <c r="R28" s="102"/>
      <c r="S28" s="103">
        <v>0</v>
      </c>
      <c r="T28" s="107"/>
      <c r="U28" s="9"/>
    </row>
    <row r="29" spans="1:21" ht="22.5" customHeight="1" x14ac:dyDescent="0.45">
      <c r="A29" s="6"/>
      <c r="B29" s="32"/>
      <c r="C29" s="23"/>
      <c r="D29" s="23"/>
      <c r="E29" s="23" t="s">
        <v>183</v>
      </c>
      <c r="F29" s="23"/>
      <c r="G29" s="23"/>
      <c r="H29" s="23"/>
      <c r="I29" s="24">
        <v>0</v>
      </c>
      <c r="J29" s="109"/>
      <c r="K29" s="23"/>
      <c r="L29" s="124" t="s">
        <v>218</v>
      </c>
      <c r="M29" s="23"/>
      <c r="N29" s="23"/>
      <c r="O29" s="23"/>
      <c r="P29" s="23"/>
      <c r="Q29" s="23"/>
      <c r="R29" s="23"/>
      <c r="S29" s="24"/>
      <c r="T29" s="109"/>
      <c r="U29" s="9"/>
    </row>
    <row r="30" spans="1:21" ht="22.5" customHeight="1" x14ac:dyDescent="0.45">
      <c r="A30" s="6"/>
      <c r="B30" s="32"/>
      <c r="C30" s="23"/>
      <c r="D30" s="23"/>
      <c r="E30" s="23" t="s">
        <v>184</v>
      </c>
      <c r="F30" s="23"/>
      <c r="G30" s="23"/>
      <c r="H30" s="23"/>
      <c r="I30" s="24">
        <v>0</v>
      </c>
      <c r="J30" s="109"/>
      <c r="K30" s="23"/>
      <c r="L30" s="32"/>
      <c r="M30" s="25" t="s">
        <v>219</v>
      </c>
      <c r="N30" s="23"/>
      <c r="O30" s="23"/>
      <c r="P30" s="23"/>
      <c r="Q30" s="23"/>
      <c r="R30" s="23"/>
      <c r="S30" s="24">
        <v>0</v>
      </c>
      <c r="T30" s="109"/>
      <c r="U30" s="9"/>
    </row>
    <row r="31" spans="1:21" ht="22.5" customHeight="1" x14ac:dyDescent="0.45">
      <c r="A31" s="6"/>
      <c r="B31" s="32"/>
      <c r="C31" s="23"/>
      <c r="D31" s="23" t="s">
        <v>133</v>
      </c>
      <c r="E31" s="23"/>
      <c r="F31" s="23"/>
      <c r="G31" s="23"/>
      <c r="H31" s="23"/>
      <c r="I31" s="24">
        <v>0</v>
      </c>
      <c r="J31" s="109"/>
      <c r="K31" s="23"/>
      <c r="L31" s="32"/>
      <c r="M31" s="23"/>
      <c r="N31" s="23" t="s">
        <v>220</v>
      </c>
      <c r="O31" s="23"/>
      <c r="P31" s="23"/>
      <c r="Q31" s="23"/>
      <c r="R31" s="23"/>
      <c r="S31" s="24">
        <v>0</v>
      </c>
      <c r="T31" s="109"/>
      <c r="U31" s="9"/>
    </row>
    <row r="32" spans="1:21" ht="22.5" customHeight="1" x14ac:dyDescent="0.45">
      <c r="A32" s="6"/>
      <c r="B32" s="32"/>
      <c r="C32" s="23"/>
      <c r="D32" s="23" t="s">
        <v>185</v>
      </c>
      <c r="E32" s="23"/>
      <c r="F32" s="23"/>
      <c r="G32" s="23"/>
      <c r="H32" s="23"/>
      <c r="I32" s="24">
        <v>0</v>
      </c>
      <c r="J32" s="109"/>
      <c r="K32" s="23"/>
      <c r="L32" s="32"/>
      <c r="M32" s="23"/>
      <c r="N32" s="23" t="s">
        <v>221</v>
      </c>
      <c r="O32" s="23"/>
      <c r="P32" s="23"/>
      <c r="Q32" s="23"/>
      <c r="R32" s="23"/>
      <c r="S32" s="24">
        <v>0</v>
      </c>
      <c r="T32" s="109"/>
      <c r="U32" s="9"/>
    </row>
    <row r="33" spans="1:21" ht="22.5" customHeight="1" x14ac:dyDescent="0.45">
      <c r="A33" s="6"/>
      <c r="B33" s="32"/>
      <c r="C33" s="23"/>
      <c r="D33" s="23" t="s">
        <v>186</v>
      </c>
      <c r="E33" s="23"/>
      <c r="F33" s="23"/>
      <c r="G33" s="23"/>
      <c r="H33" s="23"/>
      <c r="I33" s="24">
        <v>0</v>
      </c>
      <c r="J33" s="109"/>
      <c r="K33" s="23"/>
      <c r="L33" s="32"/>
      <c r="M33" s="23"/>
      <c r="N33" s="23" t="s">
        <v>181</v>
      </c>
      <c r="O33" s="23"/>
      <c r="P33" s="23"/>
      <c r="Q33" s="23"/>
      <c r="R33" s="23"/>
      <c r="S33" s="24">
        <v>0</v>
      </c>
      <c r="T33" s="109"/>
      <c r="U33" s="9"/>
    </row>
    <row r="34" spans="1:21" ht="22.5" customHeight="1" x14ac:dyDescent="0.45">
      <c r="A34" s="6"/>
      <c r="B34" s="32"/>
      <c r="C34" s="23" t="s">
        <v>187</v>
      </c>
      <c r="D34" s="23"/>
      <c r="E34" s="23"/>
      <c r="F34" s="23"/>
      <c r="G34" s="23"/>
      <c r="H34" s="23"/>
      <c r="I34" s="24">
        <v>316433913</v>
      </c>
      <c r="J34" s="109"/>
      <c r="K34" s="23"/>
      <c r="L34" s="32"/>
      <c r="M34" s="23"/>
      <c r="N34" s="23"/>
      <c r="O34" s="23" t="s">
        <v>182</v>
      </c>
      <c r="P34" s="23"/>
      <c r="Q34" s="23"/>
      <c r="R34" s="23"/>
      <c r="S34" s="24">
        <v>0</v>
      </c>
      <c r="T34" s="109"/>
      <c r="U34" s="9"/>
    </row>
    <row r="35" spans="1:21" ht="22.5" customHeight="1" x14ac:dyDescent="0.45">
      <c r="A35" s="6"/>
      <c r="B35" s="32"/>
      <c r="C35" s="23"/>
      <c r="D35" s="23" t="s">
        <v>188</v>
      </c>
      <c r="E35" s="23"/>
      <c r="F35" s="23"/>
      <c r="G35" s="23"/>
      <c r="H35" s="23"/>
      <c r="I35" s="24">
        <v>0</v>
      </c>
      <c r="J35" s="109"/>
      <c r="K35" s="23"/>
      <c r="L35" s="32"/>
      <c r="M35" s="23"/>
      <c r="N35" s="23"/>
      <c r="O35" s="23" t="s">
        <v>183</v>
      </c>
      <c r="P35" s="23"/>
      <c r="Q35" s="23"/>
      <c r="R35" s="23"/>
      <c r="S35" s="24">
        <v>0</v>
      </c>
      <c r="T35" s="109"/>
      <c r="U35" s="9"/>
    </row>
    <row r="36" spans="1:21" ht="22.5" customHeight="1" x14ac:dyDescent="0.45">
      <c r="A36" s="6"/>
      <c r="B36" s="32"/>
      <c r="C36" s="23"/>
      <c r="D36" s="23" t="s">
        <v>189</v>
      </c>
      <c r="E36" s="23"/>
      <c r="F36" s="23"/>
      <c r="G36" s="23"/>
      <c r="H36" s="23"/>
      <c r="I36" s="24">
        <v>0</v>
      </c>
      <c r="J36" s="109"/>
      <c r="K36" s="23"/>
      <c r="L36" s="32"/>
      <c r="M36" s="23"/>
      <c r="N36" s="23"/>
      <c r="O36" s="23" t="s">
        <v>184</v>
      </c>
      <c r="P36" s="23"/>
      <c r="Q36" s="23"/>
      <c r="R36" s="23"/>
      <c r="S36" s="24">
        <v>0</v>
      </c>
      <c r="T36" s="109"/>
      <c r="U36" s="9"/>
    </row>
    <row r="37" spans="1:21" ht="22.5" customHeight="1" x14ac:dyDescent="0.45">
      <c r="A37" s="6"/>
      <c r="B37" s="32"/>
      <c r="C37" s="23"/>
      <c r="D37" s="23" t="s">
        <v>190</v>
      </c>
      <c r="E37" s="23"/>
      <c r="F37" s="23"/>
      <c r="G37" s="23"/>
      <c r="H37" s="23"/>
      <c r="I37" s="24">
        <v>0</v>
      </c>
      <c r="J37" s="109"/>
      <c r="K37" s="23"/>
      <c r="L37" s="32"/>
      <c r="M37" s="23"/>
      <c r="N37" s="23" t="s">
        <v>222</v>
      </c>
      <c r="O37" s="23"/>
      <c r="P37" s="23"/>
      <c r="Q37" s="23"/>
      <c r="R37" s="23"/>
      <c r="S37" s="24">
        <v>0</v>
      </c>
      <c r="T37" s="109"/>
      <c r="U37" s="9"/>
    </row>
    <row r="38" spans="1:21" ht="22.5" customHeight="1" x14ac:dyDescent="0.45">
      <c r="A38" s="6"/>
      <c r="B38" s="32"/>
      <c r="C38" s="23"/>
      <c r="D38" s="23" t="s">
        <v>191</v>
      </c>
      <c r="E38" s="23"/>
      <c r="F38" s="23"/>
      <c r="G38" s="23"/>
      <c r="H38" s="23"/>
      <c r="I38" s="24">
        <v>0</v>
      </c>
      <c r="J38" s="109"/>
      <c r="K38" s="23"/>
      <c r="L38" s="32"/>
      <c r="M38" s="23" t="s">
        <v>223</v>
      </c>
      <c r="N38" s="23"/>
      <c r="O38" s="23"/>
      <c r="P38" s="23"/>
      <c r="Q38" s="23"/>
      <c r="R38" s="23"/>
      <c r="S38" s="24">
        <v>0</v>
      </c>
      <c r="T38" s="109"/>
      <c r="U38" s="9"/>
    </row>
    <row r="39" spans="1:21" ht="22.5" customHeight="1" x14ac:dyDescent="0.45">
      <c r="A39" s="6"/>
      <c r="B39" s="32"/>
      <c r="C39" s="23"/>
      <c r="D39" s="23" t="s">
        <v>192</v>
      </c>
      <c r="E39" s="23"/>
      <c r="F39" s="23"/>
      <c r="G39" s="23"/>
      <c r="H39" s="23"/>
      <c r="I39" s="24">
        <v>0</v>
      </c>
      <c r="J39" s="109"/>
      <c r="K39" s="23"/>
      <c r="L39" s="32"/>
      <c r="M39" s="23"/>
      <c r="N39" s="23" t="s">
        <v>224</v>
      </c>
      <c r="O39" s="23"/>
      <c r="P39" s="23"/>
      <c r="Q39" s="23"/>
      <c r="R39" s="23"/>
      <c r="S39" s="24">
        <v>0</v>
      </c>
      <c r="T39" s="109"/>
      <c r="U39" s="9"/>
    </row>
    <row r="40" spans="1:21" ht="22.5" customHeight="1" x14ac:dyDescent="0.45">
      <c r="A40" s="6"/>
      <c r="B40" s="32"/>
      <c r="C40" s="23"/>
      <c r="D40" s="23" t="s">
        <v>193</v>
      </c>
      <c r="E40" s="23"/>
      <c r="F40" s="23"/>
      <c r="G40" s="23"/>
      <c r="H40" s="23"/>
      <c r="I40" s="24">
        <v>316433913</v>
      </c>
      <c r="J40" s="109"/>
      <c r="K40" s="23"/>
      <c r="L40" s="32"/>
      <c r="M40" s="23"/>
      <c r="N40" s="23" t="s">
        <v>225</v>
      </c>
      <c r="O40" s="23"/>
      <c r="P40" s="23"/>
      <c r="Q40" s="23"/>
      <c r="R40" s="23"/>
      <c r="S40" s="24">
        <v>0</v>
      </c>
      <c r="T40" s="109"/>
      <c r="U40" s="9"/>
    </row>
    <row r="41" spans="1:21" ht="22.5" customHeight="1" x14ac:dyDescent="0.45">
      <c r="A41" s="6"/>
      <c r="B41" s="32"/>
      <c r="C41" s="23"/>
      <c r="D41" s="23" t="s">
        <v>194</v>
      </c>
      <c r="E41" s="23"/>
      <c r="F41" s="23"/>
      <c r="G41" s="23"/>
      <c r="H41" s="23"/>
      <c r="I41" s="24">
        <v>0</v>
      </c>
      <c r="J41" s="109"/>
      <c r="K41" s="23"/>
      <c r="L41" s="32"/>
      <c r="M41" s="23"/>
      <c r="N41" s="23" t="s">
        <v>226</v>
      </c>
      <c r="O41" s="23"/>
      <c r="P41" s="23"/>
      <c r="Q41" s="23"/>
      <c r="R41" s="23"/>
      <c r="S41" s="24">
        <v>0</v>
      </c>
      <c r="T41" s="109"/>
      <c r="U41" s="9"/>
    </row>
    <row r="42" spans="1:21" ht="22.5" customHeight="1" x14ac:dyDescent="0.45">
      <c r="A42" s="6"/>
      <c r="B42" s="32"/>
      <c r="C42" s="23"/>
      <c r="D42" s="23"/>
      <c r="E42" s="23" t="s">
        <v>195</v>
      </c>
      <c r="F42" s="23"/>
      <c r="G42" s="23"/>
      <c r="H42" s="23"/>
      <c r="I42" s="24">
        <v>0</v>
      </c>
      <c r="J42" s="109"/>
      <c r="K42" s="23"/>
      <c r="L42" s="32"/>
      <c r="M42" s="23"/>
      <c r="N42" s="23" t="s">
        <v>194</v>
      </c>
      <c r="O42" s="23"/>
      <c r="P42" s="23"/>
      <c r="Q42" s="23"/>
      <c r="R42" s="23"/>
      <c r="S42" s="24">
        <v>0</v>
      </c>
      <c r="T42" s="109"/>
      <c r="U42" s="9"/>
    </row>
    <row r="43" spans="1:21" ht="22.5" customHeight="1" x14ac:dyDescent="0.45">
      <c r="A43" s="6"/>
      <c r="B43" s="32"/>
      <c r="C43" s="23"/>
      <c r="D43" s="23"/>
      <c r="E43" s="23" t="s">
        <v>196</v>
      </c>
      <c r="F43" s="23"/>
      <c r="G43" s="23"/>
      <c r="H43" s="23"/>
      <c r="I43" s="24">
        <v>0</v>
      </c>
      <c r="J43" s="109"/>
      <c r="K43" s="23"/>
      <c r="L43" s="32"/>
      <c r="M43" s="23"/>
      <c r="N43" s="23"/>
      <c r="O43" s="23" t="s">
        <v>195</v>
      </c>
      <c r="P43" s="23"/>
      <c r="Q43" s="23"/>
      <c r="R43" s="23"/>
      <c r="S43" s="24">
        <v>0</v>
      </c>
      <c r="T43" s="109"/>
      <c r="U43" s="9"/>
    </row>
    <row r="44" spans="1:21" ht="22.5" customHeight="1" x14ac:dyDescent="0.45">
      <c r="A44" s="6"/>
      <c r="B44" s="32"/>
      <c r="C44" s="23"/>
      <c r="D44" s="23"/>
      <c r="E44" s="23" t="s">
        <v>197</v>
      </c>
      <c r="F44" s="23"/>
      <c r="G44" s="23"/>
      <c r="H44" s="23"/>
      <c r="I44" s="24">
        <v>0</v>
      </c>
      <c r="J44" s="109"/>
      <c r="K44" s="23"/>
      <c r="L44" s="32"/>
      <c r="M44" s="23"/>
      <c r="N44" s="23"/>
      <c r="O44" s="23" t="s">
        <v>196</v>
      </c>
      <c r="P44" s="23"/>
      <c r="Q44" s="23"/>
      <c r="R44" s="23"/>
      <c r="S44" s="24">
        <v>0</v>
      </c>
      <c r="T44" s="109"/>
      <c r="U44" s="9"/>
    </row>
    <row r="45" spans="1:21" ht="22.5" customHeight="1" x14ac:dyDescent="0.45">
      <c r="A45" s="6"/>
      <c r="B45" s="32"/>
      <c r="C45" s="23"/>
      <c r="D45" s="23" t="s">
        <v>198</v>
      </c>
      <c r="E45" s="23"/>
      <c r="F45" s="23"/>
      <c r="G45" s="23"/>
      <c r="H45" s="23"/>
      <c r="I45" s="24">
        <v>0</v>
      </c>
      <c r="J45" s="109"/>
      <c r="K45" s="23"/>
      <c r="L45" s="32"/>
      <c r="M45" s="23"/>
      <c r="N45" s="23"/>
      <c r="O45" s="23" t="s">
        <v>197</v>
      </c>
      <c r="P45" s="23"/>
      <c r="Q45" s="23"/>
      <c r="R45" s="23"/>
      <c r="S45" s="24">
        <v>0</v>
      </c>
      <c r="T45" s="109"/>
      <c r="U45" s="9"/>
    </row>
    <row r="46" spans="1:21" ht="22.5" customHeight="1" x14ac:dyDescent="0.45">
      <c r="A46" s="6"/>
      <c r="B46" s="100" t="s">
        <v>199</v>
      </c>
      <c r="C46" s="102"/>
      <c r="D46" s="102"/>
      <c r="E46" s="102"/>
      <c r="F46" s="102"/>
      <c r="G46" s="102"/>
      <c r="H46" s="102"/>
      <c r="I46" s="103">
        <v>-316433913</v>
      </c>
      <c r="J46" s="107"/>
      <c r="K46" s="23"/>
      <c r="L46" s="32"/>
      <c r="M46" s="23"/>
      <c r="N46" s="23" t="s">
        <v>227</v>
      </c>
      <c r="O46" s="23"/>
      <c r="P46" s="23"/>
      <c r="Q46" s="23"/>
      <c r="R46" s="23"/>
      <c r="S46" s="24">
        <v>0</v>
      </c>
      <c r="T46" s="109"/>
      <c r="U46" s="9"/>
    </row>
    <row r="47" spans="1:21" ht="22.5" customHeight="1" x14ac:dyDescent="0.45">
      <c r="A47" s="6"/>
      <c r="B47" s="32" t="s">
        <v>200</v>
      </c>
      <c r="C47" s="23"/>
      <c r="D47" s="23"/>
      <c r="E47" s="23"/>
      <c r="F47" s="23"/>
      <c r="G47" s="23"/>
      <c r="H47" s="23"/>
      <c r="I47" s="24"/>
      <c r="J47" s="109"/>
      <c r="K47" s="23"/>
      <c r="L47" s="100" t="s">
        <v>228</v>
      </c>
      <c r="M47" s="102"/>
      <c r="N47" s="102"/>
      <c r="O47" s="102"/>
      <c r="P47" s="102"/>
      <c r="Q47" s="102"/>
      <c r="R47" s="102"/>
      <c r="S47" s="103">
        <v>0</v>
      </c>
      <c r="T47" s="107"/>
      <c r="U47" s="9"/>
    </row>
    <row r="48" spans="1:21" ht="22.5" customHeight="1" x14ac:dyDescent="0.45">
      <c r="A48" s="6"/>
      <c r="B48" s="32"/>
      <c r="C48" s="23" t="s">
        <v>201</v>
      </c>
      <c r="D48" s="23"/>
      <c r="E48" s="23"/>
      <c r="F48" s="23"/>
      <c r="G48" s="23"/>
      <c r="H48" s="23"/>
      <c r="I48" s="24">
        <v>0</v>
      </c>
      <c r="J48" s="109"/>
      <c r="K48" s="23"/>
      <c r="L48" s="100" t="s">
        <v>229</v>
      </c>
      <c r="M48" s="102"/>
      <c r="N48" s="102"/>
      <c r="O48" s="102"/>
      <c r="P48" s="102"/>
      <c r="Q48" s="102"/>
      <c r="R48" s="102"/>
      <c r="S48" s="103">
        <v>-316433913</v>
      </c>
      <c r="T48" s="107"/>
      <c r="U48" s="9"/>
    </row>
    <row r="49" spans="1:21" ht="22.5" customHeight="1" x14ac:dyDescent="0.45">
      <c r="A49" s="6"/>
      <c r="B49" s="32"/>
      <c r="C49" s="23"/>
      <c r="D49" s="23" t="s">
        <v>202</v>
      </c>
      <c r="E49" s="23"/>
      <c r="F49" s="23"/>
      <c r="G49" s="23"/>
      <c r="H49" s="23"/>
      <c r="I49" s="24">
        <v>0</v>
      </c>
      <c r="J49" s="109"/>
      <c r="K49" s="23"/>
      <c r="L49" s="100" t="s">
        <v>167</v>
      </c>
      <c r="M49" s="102"/>
      <c r="N49" s="102"/>
      <c r="O49" s="102"/>
      <c r="P49" s="102"/>
      <c r="Q49" s="102"/>
      <c r="R49" s="102"/>
      <c r="S49" s="103">
        <v>316433913</v>
      </c>
      <c r="T49" s="107"/>
      <c r="U49" s="9"/>
    </row>
    <row r="50" spans="1:21" ht="22.5" customHeight="1" x14ac:dyDescent="0.45">
      <c r="A50" s="6"/>
      <c r="B50" s="32"/>
      <c r="C50" s="23"/>
      <c r="D50" s="23" t="s">
        <v>203</v>
      </c>
      <c r="E50" s="23"/>
      <c r="F50" s="23"/>
      <c r="G50" s="23"/>
      <c r="H50" s="23"/>
      <c r="I50" s="24">
        <v>0</v>
      </c>
      <c r="J50" s="109"/>
      <c r="K50" s="23"/>
      <c r="L50" s="100" t="s">
        <v>230</v>
      </c>
      <c r="M50" s="102"/>
      <c r="N50" s="102"/>
      <c r="O50" s="102"/>
      <c r="P50" s="102"/>
      <c r="Q50" s="102"/>
      <c r="R50" s="102"/>
      <c r="S50" s="103">
        <v>0</v>
      </c>
      <c r="T50" s="107"/>
      <c r="U50" s="9"/>
    </row>
    <row r="51" spans="1:21" ht="22.5" customHeight="1" x14ac:dyDescent="0.45">
      <c r="A51" s="6"/>
      <c r="B51" s="32"/>
      <c r="C51" s="23"/>
      <c r="D51" s="23"/>
      <c r="E51" s="23" t="s">
        <v>204</v>
      </c>
      <c r="F51" s="23"/>
      <c r="G51" s="23"/>
      <c r="H51" s="23"/>
      <c r="I51" s="24">
        <v>0</v>
      </c>
      <c r="J51" s="109"/>
      <c r="K51" s="23"/>
      <c r="L51" s="100" t="s">
        <v>231</v>
      </c>
      <c r="M51" s="102"/>
      <c r="N51" s="102"/>
      <c r="O51" s="102"/>
      <c r="P51" s="102"/>
      <c r="Q51" s="102"/>
      <c r="R51" s="102"/>
      <c r="S51" s="103">
        <v>0</v>
      </c>
      <c r="T51" s="107"/>
      <c r="U51" s="9"/>
    </row>
    <row r="52" spans="1:21" ht="22.5" customHeight="1" x14ac:dyDescent="0.45">
      <c r="A52" s="6"/>
      <c r="B52" s="32"/>
      <c r="C52" s="23"/>
      <c r="D52" s="23"/>
      <c r="E52" s="23" t="s">
        <v>205</v>
      </c>
      <c r="F52" s="23"/>
      <c r="G52" s="23"/>
      <c r="H52" s="23"/>
      <c r="I52" s="24">
        <v>0</v>
      </c>
      <c r="J52" s="109"/>
      <c r="K52" s="23"/>
      <c r="L52" s="23"/>
      <c r="M52" s="23"/>
      <c r="N52" s="23"/>
      <c r="O52" s="23"/>
      <c r="P52" s="23"/>
      <c r="Q52" s="23"/>
      <c r="R52" s="23"/>
      <c r="S52" s="24"/>
      <c r="T52" s="24"/>
      <c r="U52" s="9"/>
    </row>
    <row r="53" spans="1:21" ht="22.5" customHeight="1" x14ac:dyDescent="0.45">
      <c r="A53" s="6"/>
      <c r="B53" s="32"/>
      <c r="C53" s="23"/>
      <c r="D53" s="23" t="s">
        <v>206</v>
      </c>
      <c r="E53" s="23"/>
      <c r="F53" s="23"/>
      <c r="G53" s="23"/>
      <c r="H53" s="23"/>
      <c r="I53" s="24">
        <v>0</v>
      </c>
      <c r="J53" s="109"/>
      <c r="K53" s="23"/>
      <c r="L53" s="23"/>
      <c r="M53" s="23"/>
      <c r="N53" s="23"/>
      <c r="O53" s="23"/>
      <c r="P53" s="23"/>
      <c r="Q53" s="23"/>
      <c r="R53" s="23"/>
      <c r="S53" s="24"/>
      <c r="T53" s="24"/>
      <c r="U53" s="9"/>
    </row>
    <row r="54" spans="1:21" ht="22.5" customHeight="1" x14ac:dyDescent="0.45">
      <c r="A54" s="6"/>
      <c r="B54" s="32"/>
      <c r="C54" s="23"/>
      <c r="D54" s="23" t="s">
        <v>181</v>
      </c>
      <c r="E54" s="23"/>
      <c r="F54" s="23"/>
      <c r="G54" s="23"/>
      <c r="H54" s="23"/>
      <c r="I54" s="24">
        <v>0</v>
      </c>
      <c r="J54" s="109"/>
      <c r="K54" s="23"/>
      <c r="L54" s="23"/>
      <c r="M54" s="23"/>
      <c r="N54" s="23"/>
      <c r="O54" s="23"/>
      <c r="P54" s="23"/>
      <c r="Q54" s="23"/>
      <c r="R54" s="23"/>
      <c r="S54" s="24"/>
      <c r="T54" s="24"/>
      <c r="U54" s="9"/>
    </row>
    <row r="55" spans="1:21" ht="22.5" customHeight="1" x14ac:dyDescent="0.45">
      <c r="A55" s="6"/>
      <c r="B55" s="32"/>
      <c r="C55" s="23"/>
      <c r="D55" s="23"/>
      <c r="E55" s="23" t="s">
        <v>182</v>
      </c>
      <c r="F55" s="23"/>
      <c r="G55" s="23"/>
      <c r="H55" s="23"/>
      <c r="I55" s="24">
        <v>0</v>
      </c>
      <c r="J55" s="109"/>
      <c r="K55" s="23"/>
      <c r="L55" s="23"/>
      <c r="M55" s="23"/>
      <c r="N55" s="23"/>
      <c r="O55" s="23"/>
      <c r="P55" s="23"/>
      <c r="Q55" s="23"/>
      <c r="R55" s="23"/>
      <c r="S55" s="24"/>
      <c r="T55" s="24"/>
      <c r="U55" s="9"/>
    </row>
    <row r="56" spans="1:21" ht="22.5" customHeight="1" x14ac:dyDescent="0.45">
      <c r="A56" s="6"/>
      <c r="B56" s="32"/>
      <c r="C56" s="23"/>
      <c r="D56" s="23"/>
      <c r="E56" s="23" t="s">
        <v>183</v>
      </c>
      <c r="F56" s="23"/>
      <c r="G56" s="23"/>
      <c r="H56" s="23"/>
      <c r="I56" s="24">
        <v>0</v>
      </c>
      <c r="J56" s="109"/>
      <c r="K56" s="23"/>
      <c r="L56" s="23"/>
      <c r="M56" s="23"/>
      <c r="N56" s="23"/>
      <c r="O56" s="23"/>
      <c r="P56" s="23"/>
      <c r="Q56" s="23"/>
      <c r="R56" s="23"/>
      <c r="S56" s="24"/>
      <c r="T56" s="24"/>
      <c r="U56" s="9"/>
    </row>
    <row r="57" spans="1:21" ht="22.5" customHeight="1" x14ac:dyDescent="0.45">
      <c r="A57" s="6"/>
      <c r="B57" s="32"/>
      <c r="C57" s="23"/>
      <c r="D57" s="23"/>
      <c r="E57" s="23" t="s">
        <v>184</v>
      </c>
      <c r="F57" s="23"/>
      <c r="G57" s="23"/>
      <c r="H57" s="23"/>
      <c r="I57" s="24">
        <v>0</v>
      </c>
      <c r="J57" s="109"/>
      <c r="K57" s="23"/>
      <c r="L57" s="23"/>
      <c r="M57" s="23"/>
      <c r="N57" s="23"/>
      <c r="O57" s="23"/>
      <c r="P57" s="23"/>
      <c r="Q57" s="23"/>
      <c r="R57" s="23"/>
      <c r="S57" s="24"/>
      <c r="T57" s="24"/>
      <c r="U57" s="9"/>
    </row>
    <row r="58" spans="1:21" ht="22.5" customHeight="1" x14ac:dyDescent="0.45">
      <c r="A58" s="6"/>
      <c r="B58" s="32"/>
      <c r="C58" s="23"/>
      <c r="D58" s="23" t="s">
        <v>207</v>
      </c>
      <c r="E58" s="23"/>
      <c r="F58" s="23"/>
      <c r="G58" s="23"/>
      <c r="H58" s="23"/>
      <c r="I58" s="24">
        <v>0</v>
      </c>
      <c r="J58" s="109"/>
      <c r="K58" s="23"/>
      <c r="L58" s="23"/>
      <c r="M58" s="23"/>
      <c r="N58" s="23"/>
      <c r="O58" s="23"/>
      <c r="P58" s="23"/>
      <c r="Q58" s="23"/>
      <c r="R58" s="23"/>
      <c r="S58" s="24"/>
      <c r="T58" s="24"/>
      <c r="U58" s="9"/>
    </row>
    <row r="59" spans="1:21" ht="22.5" customHeight="1" x14ac:dyDescent="0.45">
      <c r="A59" s="6"/>
      <c r="B59" s="43"/>
      <c r="C59" s="44"/>
      <c r="D59" s="44" t="s">
        <v>208</v>
      </c>
      <c r="E59" s="44"/>
      <c r="F59" s="44"/>
      <c r="G59" s="44"/>
      <c r="H59" s="44"/>
      <c r="I59" s="120">
        <v>0</v>
      </c>
      <c r="J59" s="123"/>
      <c r="K59" s="23"/>
      <c r="L59" s="23"/>
      <c r="M59" s="23"/>
      <c r="N59" s="23"/>
      <c r="O59" s="23"/>
      <c r="P59" s="23"/>
      <c r="Q59" s="23"/>
      <c r="R59" s="23"/>
      <c r="S59" s="24"/>
      <c r="T59" s="24"/>
      <c r="U59" s="9"/>
    </row>
    <row r="60" spans="1:21" ht="22.5" customHeight="1" x14ac:dyDescent="0.45">
      <c r="A60" s="6"/>
      <c r="B60" s="23"/>
      <c r="C60" s="23"/>
      <c r="D60" s="23"/>
      <c r="E60" s="23"/>
      <c r="F60" s="23"/>
      <c r="G60" s="23"/>
      <c r="H60" s="23"/>
      <c r="I60" s="24"/>
      <c r="J60" s="24"/>
      <c r="K60" s="23"/>
      <c r="L60" s="23"/>
      <c r="M60" s="23"/>
      <c r="N60" s="23"/>
      <c r="O60" s="23"/>
      <c r="P60" s="23"/>
      <c r="Q60" s="23"/>
      <c r="R60" s="23"/>
      <c r="S60" s="24"/>
      <c r="T60" s="24"/>
      <c r="U60" s="9"/>
    </row>
    <row r="61" spans="1:21" ht="22.5" customHeight="1" x14ac:dyDescent="0.45">
      <c r="A61" s="6"/>
      <c r="B61" s="23"/>
      <c r="C61" s="23"/>
      <c r="D61" s="23"/>
      <c r="E61" s="23"/>
      <c r="F61" s="23"/>
      <c r="G61" s="23"/>
      <c r="H61" s="23"/>
      <c r="I61" s="24"/>
      <c r="J61" s="24"/>
      <c r="K61" s="23"/>
      <c r="L61" s="23"/>
      <c r="M61" s="23"/>
      <c r="N61" s="23"/>
      <c r="O61" s="23"/>
      <c r="P61" s="23"/>
      <c r="Q61" s="23"/>
      <c r="R61" s="23"/>
      <c r="S61" s="24"/>
      <c r="T61" s="24"/>
      <c r="U61" s="9"/>
    </row>
    <row r="62" spans="1:21" ht="22.5" customHeight="1" x14ac:dyDescent="0.45">
      <c r="A62" s="6"/>
      <c r="B62" s="23"/>
      <c r="C62" s="23"/>
      <c r="D62" s="23"/>
      <c r="E62" s="23"/>
      <c r="F62" s="23"/>
      <c r="G62" s="23"/>
      <c r="H62" s="23"/>
      <c r="I62" s="24"/>
      <c r="J62" s="24"/>
      <c r="K62" s="23"/>
      <c r="L62" s="23"/>
      <c r="M62" s="23"/>
      <c r="N62" s="23"/>
      <c r="O62" s="23"/>
      <c r="P62" s="23"/>
      <c r="Q62" s="23"/>
      <c r="R62" s="23"/>
      <c r="S62" s="24"/>
      <c r="T62" s="24"/>
      <c r="U62" s="9"/>
    </row>
    <row r="63" spans="1:21" ht="22.5" customHeight="1" x14ac:dyDescent="0.45">
      <c r="A63" s="6"/>
      <c r="B63" s="23"/>
      <c r="C63" s="23"/>
      <c r="D63" s="23"/>
      <c r="E63" s="23"/>
      <c r="F63" s="23"/>
      <c r="G63" s="23"/>
      <c r="H63" s="23"/>
      <c r="I63" s="24"/>
      <c r="J63" s="24"/>
      <c r="K63" s="23"/>
      <c r="L63" s="23"/>
      <c r="M63" s="23"/>
      <c r="N63" s="23"/>
      <c r="O63" s="23"/>
      <c r="P63" s="23"/>
      <c r="Q63" s="23"/>
      <c r="R63" s="23"/>
      <c r="S63" s="24"/>
      <c r="T63" s="24"/>
      <c r="U63" s="9"/>
    </row>
    <row r="64" spans="1:21" ht="22.5" customHeight="1" x14ac:dyDescent="0.45">
      <c r="A64" s="6"/>
      <c r="B64" s="23"/>
      <c r="C64" s="23"/>
      <c r="D64" s="23"/>
      <c r="E64" s="23"/>
      <c r="F64" s="23"/>
      <c r="G64" s="23"/>
      <c r="H64" s="23"/>
      <c r="I64" s="24"/>
      <c r="J64" s="24"/>
      <c r="K64" s="23"/>
      <c r="L64" s="23"/>
      <c r="M64" s="23"/>
      <c r="N64" s="23"/>
      <c r="O64" s="23"/>
      <c r="P64" s="23"/>
      <c r="Q64" s="23"/>
      <c r="R64" s="23"/>
      <c r="S64" s="24"/>
      <c r="T64" s="24"/>
      <c r="U64" s="9"/>
    </row>
    <row r="65" spans="1:21" ht="22.5" customHeight="1" x14ac:dyDescent="0.45">
      <c r="A65" s="6"/>
      <c r="B65" s="23"/>
      <c r="C65" s="23"/>
      <c r="D65" s="23"/>
      <c r="E65" s="23"/>
      <c r="F65" s="23"/>
      <c r="G65" s="23"/>
      <c r="H65" s="23"/>
      <c r="I65" s="24"/>
      <c r="J65" s="24"/>
      <c r="K65" s="23"/>
      <c r="L65" s="37"/>
      <c r="M65" s="37"/>
      <c r="N65" s="37"/>
      <c r="O65" s="37"/>
      <c r="P65" s="37"/>
      <c r="Q65" s="37"/>
      <c r="R65" s="37"/>
      <c r="S65" s="24"/>
      <c r="T65" s="24"/>
      <c r="U65" s="9"/>
    </row>
    <row r="66" spans="1:21" ht="22.5" customHeight="1" x14ac:dyDescent="0.45">
      <c r="A66" s="6"/>
      <c r="B66" s="23"/>
      <c r="C66" s="23"/>
      <c r="D66" s="23"/>
      <c r="E66" s="23"/>
      <c r="F66" s="23"/>
      <c r="G66" s="23"/>
      <c r="H66" s="23"/>
      <c r="I66" s="24"/>
      <c r="J66" s="24"/>
      <c r="K66" s="23"/>
      <c r="L66" s="37"/>
      <c r="M66" s="37"/>
      <c r="N66" s="37"/>
      <c r="O66" s="37"/>
      <c r="P66" s="37"/>
      <c r="Q66" s="37"/>
      <c r="R66" s="37"/>
      <c r="S66" s="24"/>
      <c r="T66" s="24"/>
      <c r="U66" s="9"/>
    </row>
    <row r="67" spans="1:21" ht="22.5" customHeight="1" x14ac:dyDescent="0.45">
      <c r="A67" s="6"/>
      <c r="B67" s="23"/>
      <c r="C67" s="23"/>
      <c r="D67" s="23"/>
      <c r="E67" s="23"/>
      <c r="F67" s="23"/>
      <c r="G67" s="23"/>
      <c r="H67" s="23"/>
      <c r="I67" s="24"/>
      <c r="J67" s="24"/>
      <c r="K67" s="23"/>
      <c r="L67" s="37"/>
      <c r="M67" s="37"/>
      <c r="N67" s="37"/>
      <c r="O67" s="37"/>
      <c r="P67" s="37"/>
      <c r="Q67" s="37"/>
      <c r="R67" s="37"/>
      <c r="S67" s="24"/>
      <c r="T67" s="24"/>
      <c r="U67" s="9"/>
    </row>
    <row r="68" spans="1:21" ht="22.5" customHeight="1" x14ac:dyDescent="0.45">
      <c r="A68" s="6"/>
      <c r="B68" s="23"/>
      <c r="C68" s="23"/>
      <c r="D68" s="23"/>
      <c r="E68" s="23"/>
      <c r="F68" s="23"/>
      <c r="G68" s="23"/>
      <c r="H68" s="23"/>
      <c r="I68" s="24"/>
      <c r="J68" s="24"/>
      <c r="K68" s="23"/>
      <c r="L68" s="37"/>
      <c r="M68" s="37"/>
      <c r="N68" s="37"/>
      <c r="O68" s="37"/>
      <c r="P68" s="37"/>
      <c r="Q68" s="37"/>
      <c r="R68" s="37"/>
      <c r="S68" s="24"/>
      <c r="T68" s="24"/>
      <c r="U68" s="9"/>
    </row>
    <row r="69" spans="1:21" ht="22.5" customHeight="1" x14ac:dyDescent="0.45">
      <c r="A69" s="6"/>
      <c r="B69" s="23"/>
      <c r="C69" s="23"/>
      <c r="D69" s="23"/>
      <c r="E69" s="23"/>
      <c r="F69" s="23"/>
      <c r="G69" s="23"/>
      <c r="H69" s="23"/>
      <c r="I69" s="24"/>
      <c r="J69" s="24"/>
      <c r="K69" s="7"/>
      <c r="L69" s="37"/>
      <c r="M69" s="37"/>
      <c r="N69" s="37"/>
      <c r="O69" s="37"/>
      <c r="P69" s="37"/>
      <c r="Q69" s="37"/>
      <c r="R69" s="37"/>
      <c r="S69" s="24"/>
      <c r="T69" s="24"/>
      <c r="U69" s="9"/>
    </row>
    <row r="70" spans="1:21" ht="22.5" customHeight="1" x14ac:dyDescent="0.45">
      <c r="A70" s="79"/>
      <c r="B70" s="78"/>
      <c r="C70" s="78"/>
      <c r="D70" s="78"/>
      <c r="E70" s="78"/>
      <c r="F70" s="78"/>
      <c r="G70" s="78"/>
      <c r="H70" s="78"/>
      <c r="I70" s="80"/>
      <c r="J70" s="80"/>
      <c r="K70" s="78"/>
      <c r="L70" s="78"/>
      <c r="M70" s="78"/>
      <c r="N70" s="78"/>
      <c r="O70" s="78"/>
      <c r="P70" s="78"/>
      <c r="Q70" s="78"/>
      <c r="R70" s="78"/>
      <c r="S70" s="80"/>
      <c r="T70" s="80"/>
      <c r="U70" s="81"/>
    </row>
    <row r="71" spans="1:21" ht="22.5" customHeight="1" x14ac:dyDescent="0.45">
      <c r="A71" s="7"/>
      <c r="B71" s="7"/>
      <c r="C71" s="7"/>
      <c r="D71" s="7"/>
      <c r="E71" s="7"/>
      <c r="F71" s="7"/>
      <c r="G71" s="7"/>
      <c r="H71" s="7"/>
      <c r="I71" s="27"/>
      <c r="J71" s="27"/>
      <c r="K71" s="7"/>
      <c r="L71" s="7"/>
      <c r="M71" s="7"/>
      <c r="N71" s="7"/>
      <c r="O71" s="7"/>
      <c r="P71" s="7"/>
      <c r="Q71" s="7"/>
      <c r="R71" s="7"/>
      <c r="S71" s="27"/>
      <c r="T71" s="27"/>
    </row>
    <row r="72" spans="1:21" ht="22.5" customHeight="1" x14ac:dyDescent="0.45">
      <c r="A72" s="7"/>
      <c r="B72" s="7"/>
      <c r="C72" s="7"/>
      <c r="D72" s="7"/>
      <c r="E72" s="7"/>
      <c r="F72" s="7"/>
      <c r="G72" s="7"/>
      <c r="H72" s="7"/>
      <c r="I72" s="29"/>
      <c r="J72" s="29"/>
      <c r="K72" s="7"/>
      <c r="L72" s="7"/>
      <c r="M72" s="7"/>
      <c r="N72" s="7"/>
      <c r="O72" s="7"/>
      <c r="P72" s="7"/>
      <c r="Q72" s="7"/>
      <c r="R72" s="7"/>
      <c r="S72" s="29"/>
      <c r="T72" s="29"/>
    </row>
    <row r="73" spans="1:21" ht="22.5" customHeight="1" x14ac:dyDescent="0.45">
      <c r="A73" s="7"/>
      <c r="B73" s="7"/>
      <c r="C73" s="7"/>
      <c r="D73" s="7"/>
      <c r="E73" s="7"/>
      <c r="F73" s="7"/>
      <c r="G73" s="7"/>
      <c r="H73" s="7"/>
      <c r="I73" s="29"/>
      <c r="J73" s="29"/>
      <c r="K73" s="7"/>
      <c r="L73" s="7"/>
      <c r="M73" s="7"/>
      <c r="N73" s="7"/>
      <c r="O73" s="7"/>
      <c r="P73" s="7"/>
      <c r="Q73" s="7"/>
      <c r="R73" s="7"/>
      <c r="S73" s="29"/>
      <c r="T73" s="29"/>
    </row>
    <row r="74" spans="1:21" ht="22.5" customHeight="1" x14ac:dyDescent="0.45">
      <c r="A74" s="7"/>
      <c r="B74" s="7"/>
      <c r="C74" s="7"/>
      <c r="D74" s="7"/>
      <c r="E74" s="7"/>
      <c r="F74" s="7"/>
      <c r="G74" s="7"/>
      <c r="H74" s="7"/>
      <c r="I74" s="29"/>
      <c r="J74" s="29"/>
      <c r="K74" s="7"/>
      <c r="L74" s="7"/>
      <c r="M74" s="7"/>
      <c r="N74" s="7"/>
      <c r="O74" s="7"/>
      <c r="P74" s="7"/>
      <c r="Q74" s="7"/>
      <c r="R74" s="7"/>
      <c r="S74" s="29"/>
      <c r="T74" s="29"/>
    </row>
    <row r="75" spans="1:21" ht="22.5" customHeight="1" x14ac:dyDescent="0.45">
      <c r="A75" s="7"/>
      <c r="B75" s="7"/>
      <c r="C75" s="7"/>
      <c r="D75" s="7"/>
      <c r="E75" s="7"/>
      <c r="F75" s="7"/>
      <c r="G75" s="7"/>
      <c r="H75" s="7"/>
      <c r="I75" s="29"/>
      <c r="J75" s="29"/>
      <c r="K75" s="7"/>
      <c r="L75" s="7"/>
      <c r="M75" s="7"/>
      <c r="N75" s="7"/>
      <c r="O75" s="7"/>
      <c r="P75" s="7"/>
      <c r="Q75" s="7"/>
      <c r="R75" s="7"/>
      <c r="S75" s="29"/>
      <c r="T75" s="29"/>
    </row>
    <row r="76" spans="1:21" ht="22.5" customHeight="1" x14ac:dyDescent="0.45">
      <c r="A76" s="7"/>
      <c r="B76" s="7"/>
      <c r="C76" s="7"/>
      <c r="D76" s="7"/>
      <c r="E76" s="7"/>
      <c r="F76" s="7"/>
      <c r="G76" s="7"/>
      <c r="H76" s="7"/>
      <c r="I76" s="29"/>
      <c r="J76" s="29"/>
      <c r="K76" s="7"/>
      <c r="L76" s="7"/>
      <c r="M76" s="7"/>
      <c r="N76" s="7"/>
      <c r="O76" s="7"/>
      <c r="P76" s="7"/>
      <c r="Q76" s="7"/>
      <c r="R76" s="7"/>
      <c r="S76" s="29"/>
      <c r="T76" s="29"/>
    </row>
    <row r="77" spans="1:21" ht="22.5" customHeight="1" x14ac:dyDescent="0.45">
      <c r="A77" s="7"/>
      <c r="B77" s="7"/>
      <c r="C77" s="7"/>
      <c r="D77" s="7"/>
      <c r="E77" s="7"/>
      <c r="F77" s="7"/>
      <c r="G77" s="7"/>
      <c r="H77" s="7"/>
      <c r="I77" s="29"/>
      <c r="J77" s="29"/>
      <c r="K77" s="7"/>
      <c r="L77" s="7"/>
      <c r="M77" s="7"/>
      <c r="N77" s="7"/>
      <c r="O77" s="7"/>
      <c r="P77" s="7"/>
      <c r="Q77" s="7"/>
      <c r="R77" s="7"/>
      <c r="S77" s="29"/>
      <c r="T77" s="29"/>
    </row>
    <row r="78" spans="1:21" ht="22.5" customHeight="1" x14ac:dyDescent="0.45">
      <c r="A78" s="7"/>
      <c r="B78" s="7"/>
      <c r="C78" s="7"/>
      <c r="D78" s="7"/>
      <c r="E78" s="7"/>
      <c r="F78" s="7"/>
      <c r="G78" s="7"/>
      <c r="H78" s="7"/>
      <c r="I78" s="29"/>
      <c r="J78" s="29"/>
      <c r="K78" s="7"/>
      <c r="L78" s="7"/>
      <c r="M78" s="7"/>
      <c r="N78" s="7"/>
      <c r="O78" s="7"/>
      <c r="P78" s="7"/>
      <c r="Q78" s="7"/>
      <c r="R78" s="7"/>
      <c r="S78" s="29"/>
      <c r="T78" s="29"/>
    </row>
    <row r="79" spans="1:21" ht="22.5" customHeight="1" x14ac:dyDescent="0.45">
      <c r="A79" s="7"/>
      <c r="B79" s="7"/>
      <c r="C79" s="7"/>
      <c r="D79" s="7"/>
      <c r="E79" s="7"/>
      <c r="F79" s="7"/>
      <c r="G79" s="7"/>
      <c r="H79" s="7"/>
      <c r="I79" s="29"/>
      <c r="J79" s="29"/>
      <c r="K79" s="7"/>
      <c r="L79" s="7"/>
      <c r="M79" s="7"/>
      <c r="N79" s="7"/>
      <c r="O79" s="7"/>
      <c r="P79" s="7"/>
      <c r="Q79" s="7"/>
      <c r="R79" s="7"/>
      <c r="S79" s="29"/>
      <c r="T79" s="29"/>
    </row>
    <row r="80" spans="1:21" ht="22.5" customHeight="1" x14ac:dyDescent="0.45">
      <c r="A80" s="7"/>
      <c r="B80" s="7"/>
      <c r="C80" s="7"/>
      <c r="D80" s="7"/>
      <c r="E80" s="7"/>
      <c r="F80" s="7"/>
      <c r="G80" s="7"/>
      <c r="H80" s="7"/>
      <c r="I80" s="29"/>
      <c r="J80" s="29"/>
      <c r="K80" s="7"/>
      <c r="L80" s="7"/>
      <c r="M80" s="7"/>
      <c r="N80" s="7"/>
      <c r="O80" s="7"/>
      <c r="P80" s="7"/>
      <c r="Q80" s="7"/>
      <c r="R80" s="7"/>
      <c r="S80" s="29"/>
      <c r="T80" s="29"/>
    </row>
    <row r="81" spans="1:20" ht="22.5" customHeight="1" x14ac:dyDescent="0.45">
      <c r="A81" s="7"/>
      <c r="B81" s="7"/>
      <c r="C81" s="7"/>
      <c r="D81" s="7"/>
      <c r="E81" s="7"/>
      <c r="F81" s="7"/>
      <c r="G81" s="7"/>
      <c r="H81" s="7"/>
      <c r="I81" s="29"/>
      <c r="J81" s="29"/>
      <c r="K81" s="7"/>
      <c r="L81" s="7"/>
      <c r="M81" s="7"/>
      <c r="N81" s="7"/>
      <c r="O81" s="7"/>
      <c r="P81" s="7"/>
      <c r="Q81" s="7"/>
      <c r="R81" s="7"/>
      <c r="S81" s="29"/>
      <c r="T81" s="29"/>
    </row>
    <row r="82" spans="1:20" ht="22.5" customHeight="1" x14ac:dyDescent="0.45">
      <c r="A82" s="7"/>
      <c r="B82" s="7"/>
      <c r="C82" s="7"/>
      <c r="D82" s="7"/>
      <c r="E82" s="7"/>
      <c r="F82" s="7"/>
      <c r="G82" s="7"/>
      <c r="H82" s="7"/>
      <c r="I82" s="29"/>
      <c r="J82" s="29"/>
      <c r="K82" s="7"/>
      <c r="L82" s="7"/>
      <c r="M82" s="7"/>
      <c r="N82" s="7"/>
      <c r="O82" s="7"/>
      <c r="P82" s="7"/>
      <c r="Q82" s="7"/>
      <c r="R82" s="7"/>
      <c r="S82" s="29"/>
      <c r="T82" s="29"/>
    </row>
    <row r="83" spans="1:20" ht="22.5" customHeight="1" x14ac:dyDescent="0.45">
      <c r="A83" s="7"/>
      <c r="B83" s="7"/>
      <c r="C83" s="7"/>
      <c r="D83" s="7"/>
      <c r="E83" s="7"/>
      <c r="F83" s="7"/>
      <c r="G83" s="7"/>
      <c r="H83" s="7"/>
      <c r="I83" s="29"/>
      <c r="J83" s="29"/>
      <c r="K83" s="7"/>
      <c r="L83" s="7"/>
      <c r="M83" s="7"/>
      <c r="N83" s="7"/>
      <c r="O83" s="7"/>
      <c r="P83" s="7"/>
      <c r="Q83" s="7"/>
      <c r="R83" s="7"/>
      <c r="S83" s="29"/>
      <c r="T83" s="29"/>
    </row>
    <row r="84" spans="1:20" ht="22.5" customHeight="1" x14ac:dyDescent="0.45">
      <c r="A84" s="7"/>
      <c r="B84" s="7"/>
      <c r="C84" s="7"/>
      <c r="D84" s="7"/>
      <c r="E84" s="7"/>
      <c r="F84" s="7"/>
      <c r="G84" s="7"/>
      <c r="H84" s="7"/>
      <c r="I84" s="29"/>
      <c r="J84" s="29"/>
      <c r="K84" s="7"/>
      <c r="L84" s="7"/>
      <c r="M84" s="7"/>
      <c r="N84" s="7"/>
      <c r="O84" s="7"/>
      <c r="P84" s="7"/>
      <c r="Q84" s="7"/>
      <c r="R84" s="7"/>
      <c r="S84" s="29"/>
      <c r="T84" s="29"/>
    </row>
    <row r="85" spans="1:20" ht="22.5" customHeight="1" x14ac:dyDescent="0.45">
      <c r="A85" s="7"/>
      <c r="B85" s="7"/>
      <c r="C85" s="7"/>
      <c r="D85" s="7"/>
      <c r="E85" s="7"/>
      <c r="F85" s="7"/>
      <c r="G85" s="7"/>
      <c r="H85" s="7"/>
      <c r="I85" s="29"/>
      <c r="J85" s="29"/>
      <c r="K85" s="7"/>
      <c r="L85" s="7"/>
      <c r="M85" s="7"/>
      <c r="N85" s="7"/>
      <c r="O85" s="7"/>
      <c r="P85" s="7"/>
      <c r="Q85" s="7"/>
      <c r="R85" s="7"/>
      <c r="S85" s="29"/>
      <c r="T85" s="29"/>
    </row>
    <row r="86" spans="1:20" ht="22.5" customHeight="1" x14ac:dyDescent="0.45">
      <c r="A86" s="7"/>
      <c r="B86" s="7"/>
      <c r="C86" s="7"/>
      <c r="D86" s="7"/>
      <c r="E86" s="7"/>
      <c r="F86" s="7"/>
      <c r="G86" s="7"/>
      <c r="H86" s="7"/>
      <c r="I86" s="29"/>
      <c r="J86" s="29"/>
      <c r="K86" s="7"/>
      <c r="L86" s="7"/>
      <c r="M86" s="7"/>
      <c r="N86" s="7"/>
      <c r="O86" s="7"/>
      <c r="P86" s="7"/>
      <c r="Q86" s="7"/>
      <c r="R86" s="7"/>
      <c r="S86" s="29"/>
      <c r="T86" s="29"/>
    </row>
    <row r="87" spans="1:20" ht="22.5" customHeight="1" x14ac:dyDescent="0.45">
      <c r="A87" s="7"/>
      <c r="B87" s="7"/>
      <c r="C87" s="7"/>
      <c r="D87" s="7"/>
      <c r="E87" s="7"/>
      <c r="F87" s="7"/>
      <c r="G87" s="7"/>
      <c r="H87" s="7"/>
      <c r="I87" s="29"/>
      <c r="J87" s="29"/>
      <c r="K87" s="7"/>
      <c r="L87" s="7"/>
      <c r="M87" s="7"/>
      <c r="N87" s="7"/>
      <c r="O87" s="7"/>
      <c r="P87" s="7"/>
      <c r="Q87" s="7"/>
      <c r="R87" s="7"/>
      <c r="S87" s="29"/>
      <c r="T87" s="29"/>
    </row>
    <row r="88" spans="1:20" ht="22.5" customHeight="1" x14ac:dyDescent="0.45">
      <c r="A88" s="7"/>
      <c r="B88" s="7"/>
      <c r="C88" s="7"/>
      <c r="D88" s="7"/>
      <c r="E88" s="7"/>
      <c r="F88" s="7"/>
      <c r="G88" s="7"/>
      <c r="H88" s="7"/>
      <c r="I88" s="29"/>
      <c r="J88" s="29"/>
      <c r="K88" s="7"/>
      <c r="L88" s="7"/>
      <c r="M88" s="7"/>
      <c r="N88" s="7"/>
      <c r="O88" s="7"/>
      <c r="P88" s="7"/>
      <c r="Q88" s="7"/>
      <c r="R88" s="7"/>
      <c r="S88" s="29"/>
      <c r="T88" s="29"/>
    </row>
    <row r="89" spans="1:20" ht="22.5" customHeight="1" x14ac:dyDescent="0.45">
      <c r="A89" s="7"/>
      <c r="B89" s="7"/>
      <c r="C89" s="7"/>
      <c r="D89" s="7"/>
      <c r="E89" s="7"/>
      <c r="F89" s="7"/>
      <c r="G89" s="7"/>
      <c r="H89" s="7"/>
      <c r="I89" s="29"/>
      <c r="J89" s="29"/>
      <c r="K89" s="7"/>
      <c r="L89" s="7"/>
      <c r="M89" s="7"/>
      <c r="N89" s="7"/>
      <c r="O89" s="7"/>
      <c r="P89" s="7"/>
      <c r="Q89" s="7"/>
      <c r="R89" s="7"/>
      <c r="S89" s="29"/>
      <c r="T89" s="29"/>
    </row>
    <row r="90" spans="1:20" ht="22.5" customHeight="1" x14ac:dyDescent="0.45">
      <c r="A90" s="7"/>
      <c r="B90" s="7"/>
      <c r="C90" s="7"/>
      <c r="D90" s="7"/>
      <c r="E90" s="7"/>
      <c r="F90" s="7"/>
      <c r="G90" s="7"/>
      <c r="H90" s="7"/>
      <c r="I90" s="29"/>
      <c r="J90" s="29"/>
      <c r="K90" s="7"/>
      <c r="L90" s="7"/>
      <c r="M90" s="7"/>
      <c r="N90" s="7"/>
      <c r="O90" s="7"/>
      <c r="P90" s="7"/>
      <c r="Q90" s="7"/>
      <c r="R90" s="7"/>
      <c r="S90" s="29"/>
      <c r="T90" s="29"/>
    </row>
    <row r="91" spans="1:20" ht="22.5" customHeight="1" x14ac:dyDescent="0.45">
      <c r="A91" s="7"/>
      <c r="B91" s="7"/>
      <c r="C91" s="7"/>
      <c r="D91" s="7"/>
      <c r="E91" s="7"/>
      <c r="F91" s="7"/>
      <c r="G91" s="7"/>
      <c r="H91" s="7"/>
      <c r="I91" s="29"/>
      <c r="J91" s="29"/>
      <c r="K91" s="7"/>
      <c r="L91" s="7"/>
      <c r="M91" s="7"/>
      <c r="N91" s="7"/>
      <c r="O91" s="7"/>
      <c r="P91" s="7"/>
      <c r="Q91" s="7"/>
      <c r="R91" s="7"/>
      <c r="S91" s="29"/>
      <c r="T91" s="29"/>
    </row>
    <row r="92" spans="1:20" ht="22.5" customHeight="1" x14ac:dyDescent="0.45">
      <c r="A92" s="7"/>
      <c r="B92" s="7"/>
      <c r="C92" s="7"/>
      <c r="D92" s="7"/>
      <c r="E92" s="7"/>
      <c r="F92" s="7"/>
      <c r="G92" s="7"/>
      <c r="H92" s="7"/>
      <c r="I92" s="29"/>
      <c r="J92" s="29"/>
      <c r="K92" s="7"/>
      <c r="L92" s="7"/>
      <c r="M92" s="7"/>
      <c r="N92" s="7"/>
      <c r="O92" s="7"/>
      <c r="P92" s="7"/>
      <c r="Q92" s="7"/>
      <c r="R92" s="7"/>
      <c r="S92" s="29"/>
      <c r="T92" s="29"/>
    </row>
    <row r="93" spans="1:20" ht="22.5" customHeight="1" x14ac:dyDescent="0.45">
      <c r="A93" s="7"/>
      <c r="B93" s="7"/>
      <c r="C93" s="7"/>
      <c r="D93" s="7"/>
      <c r="E93" s="7"/>
      <c r="F93" s="7"/>
      <c r="G93" s="7"/>
      <c r="H93" s="7"/>
      <c r="I93" s="29"/>
      <c r="J93" s="29"/>
      <c r="K93" s="7"/>
      <c r="L93" s="7"/>
      <c r="M93" s="7"/>
      <c r="N93" s="7"/>
      <c r="O93" s="7"/>
      <c r="P93" s="7"/>
      <c r="Q93" s="7"/>
      <c r="R93" s="7"/>
      <c r="S93" s="29"/>
      <c r="T93" s="29"/>
    </row>
    <row r="94" spans="1:20" ht="22.5" customHeight="1" x14ac:dyDescent="0.45">
      <c r="A94" s="7"/>
      <c r="B94" s="7"/>
      <c r="C94" s="7"/>
      <c r="D94" s="7"/>
      <c r="E94" s="7"/>
      <c r="F94" s="7"/>
      <c r="G94" s="7"/>
      <c r="H94" s="7"/>
      <c r="I94" s="29"/>
      <c r="J94" s="29"/>
      <c r="K94" s="7"/>
      <c r="L94" s="7"/>
      <c r="M94" s="7"/>
      <c r="N94" s="7"/>
      <c r="O94" s="7"/>
      <c r="P94" s="7"/>
      <c r="Q94" s="7"/>
      <c r="R94" s="7"/>
      <c r="S94" s="29"/>
      <c r="T94" s="29"/>
    </row>
    <row r="95" spans="1:20" ht="22.5" customHeight="1" x14ac:dyDescent="0.45">
      <c r="A95" s="7"/>
      <c r="B95" s="7"/>
      <c r="C95" s="7"/>
      <c r="D95" s="7"/>
      <c r="E95" s="7"/>
      <c r="F95" s="7"/>
      <c r="G95" s="7"/>
      <c r="H95" s="7"/>
      <c r="I95" s="29"/>
      <c r="J95" s="29"/>
      <c r="K95" s="7"/>
      <c r="L95" s="7"/>
      <c r="M95" s="7"/>
      <c r="N95" s="7"/>
      <c r="O95" s="7"/>
      <c r="P95" s="7"/>
      <c r="Q95" s="7"/>
      <c r="R95" s="7"/>
      <c r="S95" s="29"/>
      <c r="T95" s="29"/>
    </row>
    <row r="96" spans="1:20" ht="22.5" customHeight="1" x14ac:dyDescent="0.45">
      <c r="A96" s="7"/>
      <c r="B96" s="7"/>
      <c r="C96" s="7"/>
      <c r="D96" s="7"/>
      <c r="E96" s="7"/>
      <c r="F96" s="7"/>
      <c r="G96" s="7"/>
      <c r="H96" s="7"/>
      <c r="I96" s="29"/>
      <c r="J96" s="29"/>
      <c r="K96" s="7"/>
      <c r="L96" s="7"/>
      <c r="M96" s="7"/>
      <c r="N96" s="7"/>
      <c r="O96" s="7"/>
      <c r="P96" s="7"/>
      <c r="Q96" s="7"/>
      <c r="R96" s="7"/>
      <c r="S96" s="29"/>
      <c r="T96" s="29"/>
    </row>
    <row r="97" spans="1:20" ht="22.5" customHeight="1" x14ac:dyDescent="0.45">
      <c r="A97" s="7"/>
      <c r="B97" s="7"/>
      <c r="C97" s="7"/>
      <c r="D97" s="7"/>
      <c r="E97" s="7"/>
      <c r="F97" s="7"/>
      <c r="G97" s="7"/>
      <c r="H97" s="7"/>
      <c r="I97" s="29"/>
      <c r="J97" s="29"/>
      <c r="K97" s="7"/>
      <c r="L97" s="7"/>
      <c r="M97" s="7"/>
      <c r="N97" s="7"/>
      <c r="O97" s="7"/>
      <c r="P97" s="7"/>
      <c r="Q97" s="7"/>
      <c r="R97" s="7"/>
      <c r="S97" s="29"/>
      <c r="T97" s="29"/>
    </row>
    <row r="98" spans="1:20" ht="22.5" customHeight="1" x14ac:dyDescent="0.45">
      <c r="A98" s="7"/>
      <c r="B98" s="7"/>
      <c r="C98" s="7"/>
      <c r="D98" s="7"/>
      <c r="E98" s="7"/>
      <c r="F98" s="7"/>
      <c r="G98" s="7"/>
      <c r="H98" s="7"/>
      <c r="I98" s="29"/>
      <c r="J98" s="29"/>
      <c r="K98" s="7"/>
      <c r="L98" s="7"/>
      <c r="M98" s="7"/>
      <c r="N98" s="7"/>
      <c r="O98" s="7"/>
      <c r="P98" s="7"/>
      <c r="Q98" s="7"/>
      <c r="R98" s="7"/>
      <c r="S98" s="29"/>
      <c r="T98" s="29"/>
    </row>
    <row r="99" spans="1:20" ht="22.5" customHeight="1" x14ac:dyDescent="0.45">
      <c r="A99" s="7"/>
      <c r="B99" s="7"/>
      <c r="C99" s="7"/>
      <c r="D99" s="7"/>
      <c r="E99" s="7"/>
      <c r="F99" s="7"/>
      <c r="G99" s="7"/>
      <c r="H99" s="7"/>
      <c r="I99" s="29"/>
      <c r="J99" s="29"/>
      <c r="K99" s="7"/>
      <c r="L99" s="7"/>
      <c r="M99" s="7"/>
      <c r="N99" s="7"/>
      <c r="O99" s="7"/>
      <c r="P99" s="7"/>
      <c r="Q99" s="7"/>
      <c r="R99" s="7"/>
      <c r="S99" s="29"/>
      <c r="T99" s="29"/>
    </row>
    <row r="100" spans="1:20" ht="22.5" customHeight="1" x14ac:dyDescent="0.45">
      <c r="A100" s="7"/>
      <c r="B100" s="7"/>
      <c r="C100" s="7"/>
      <c r="D100" s="7"/>
      <c r="E100" s="7"/>
      <c r="F100" s="7"/>
      <c r="G100" s="7"/>
      <c r="H100" s="7"/>
      <c r="I100" s="29"/>
      <c r="J100" s="29"/>
      <c r="K100" s="7"/>
      <c r="L100" s="7"/>
      <c r="M100" s="7"/>
      <c r="N100" s="7"/>
      <c r="O100" s="7"/>
      <c r="P100" s="7"/>
      <c r="Q100" s="7"/>
      <c r="R100" s="7"/>
      <c r="S100" s="29"/>
      <c r="T100" s="29"/>
    </row>
    <row r="101" spans="1:20" ht="22.5" customHeight="1" x14ac:dyDescent="0.45">
      <c r="A101" s="7"/>
      <c r="B101" s="7"/>
      <c r="C101" s="7"/>
      <c r="D101" s="7"/>
      <c r="E101" s="7"/>
      <c r="F101" s="7"/>
      <c r="G101" s="7"/>
      <c r="H101" s="7"/>
      <c r="I101" s="29"/>
      <c r="J101" s="29"/>
      <c r="K101" s="7"/>
      <c r="L101" s="7"/>
      <c r="M101" s="7"/>
      <c r="N101" s="7"/>
      <c r="O101" s="7"/>
      <c r="P101" s="7"/>
      <c r="Q101" s="7"/>
      <c r="R101" s="7"/>
      <c r="S101" s="29"/>
      <c r="T101" s="29"/>
    </row>
    <row r="102" spans="1:20" ht="22.5" customHeight="1" x14ac:dyDescent="0.45">
      <c r="A102" s="7"/>
      <c r="B102" s="7"/>
      <c r="C102" s="7"/>
      <c r="D102" s="7"/>
      <c r="E102" s="7"/>
      <c r="F102" s="7"/>
      <c r="G102" s="7"/>
      <c r="H102" s="7"/>
      <c r="I102" s="29"/>
      <c r="J102" s="29"/>
      <c r="K102" s="7"/>
      <c r="L102" s="7"/>
      <c r="M102" s="7"/>
      <c r="N102" s="7"/>
      <c r="O102" s="7"/>
      <c r="P102" s="7"/>
      <c r="Q102" s="7"/>
      <c r="R102" s="7"/>
      <c r="S102" s="29"/>
      <c r="T102" s="29"/>
    </row>
    <row r="103" spans="1:20" ht="22.5" customHeight="1" x14ac:dyDescent="0.45">
      <c r="A103" s="7"/>
      <c r="B103" s="7"/>
      <c r="C103" s="7"/>
      <c r="D103" s="7"/>
      <c r="E103" s="7"/>
      <c r="F103" s="7"/>
      <c r="G103" s="7"/>
      <c r="H103" s="7"/>
      <c r="I103" s="29"/>
      <c r="J103" s="29"/>
      <c r="K103" s="7"/>
      <c r="L103" s="7"/>
      <c r="M103" s="7"/>
      <c r="N103" s="7"/>
      <c r="O103" s="7"/>
      <c r="P103" s="7"/>
      <c r="Q103" s="7"/>
      <c r="R103" s="7"/>
      <c r="S103" s="29"/>
      <c r="T103" s="29"/>
    </row>
    <row r="104" spans="1:20" ht="22.5" customHeight="1" x14ac:dyDescent="0.45">
      <c r="A104" s="7"/>
      <c r="B104" s="7"/>
      <c r="C104" s="7"/>
      <c r="D104" s="7"/>
      <c r="E104" s="7"/>
      <c r="F104" s="7"/>
      <c r="G104" s="7"/>
      <c r="H104" s="7"/>
      <c r="I104" s="29"/>
      <c r="J104" s="29"/>
      <c r="K104" s="7"/>
      <c r="L104" s="7"/>
      <c r="M104" s="7"/>
      <c r="N104" s="7"/>
      <c r="O104" s="7"/>
      <c r="P104" s="7"/>
      <c r="Q104" s="7"/>
      <c r="R104" s="7"/>
      <c r="S104" s="29"/>
      <c r="T104" s="29"/>
    </row>
    <row r="105" spans="1:20" ht="22.5" customHeight="1" x14ac:dyDescent="0.45">
      <c r="A105" s="7"/>
      <c r="B105" s="7"/>
      <c r="C105" s="7"/>
      <c r="D105" s="7"/>
      <c r="E105" s="7"/>
      <c r="F105" s="7"/>
      <c r="G105" s="7"/>
      <c r="H105" s="7"/>
      <c r="I105" s="29"/>
      <c r="J105" s="29"/>
      <c r="K105" s="7"/>
      <c r="L105" s="7"/>
      <c r="M105" s="7"/>
      <c r="N105" s="7"/>
      <c r="O105" s="7"/>
      <c r="P105" s="7"/>
      <c r="Q105" s="7"/>
      <c r="R105" s="7"/>
      <c r="S105" s="29"/>
      <c r="T105" s="29"/>
    </row>
    <row r="106" spans="1:20" ht="22.5" customHeight="1" x14ac:dyDescent="0.45">
      <c r="A106" s="7"/>
      <c r="B106" s="7"/>
      <c r="C106" s="7"/>
      <c r="D106" s="7"/>
      <c r="E106" s="7"/>
      <c r="F106" s="7"/>
      <c r="G106" s="7"/>
      <c r="H106" s="7"/>
      <c r="I106" s="29"/>
      <c r="J106" s="29"/>
      <c r="K106" s="7"/>
      <c r="L106" s="7"/>
      <c r="M106" s="7"/>
      <c r="N106" s="7"/>
      <c r="O106" s="7"/>
      <c r="P106" s="7"/>
      <c r="Q106" s="7"/>
      <c r="R106" s="7"/>
      <c r="S106" s="29"/>
      <c r="T106" s="29"/>
    </row>
    <row r="107" spans="1:20" ht="22.5" customHeight="1" x14ac:dyDescent="0.45">
      <c r="A107" s="7"/>
      <c r="B107" s="7"/>
      <c r="C107" s="7"/>
      <c r="D107" s="7"/>
      <c r="E107" s="7"/>
      <c r="F107" s="7"/>
      <c r="G107" s="7"/>
      <c r="H107" s="7"/>
      <c r="I107" s="29"/>
      <c r="J107" s="29"/>
      <c r="K107" s="7"/>
      <c r="L107" s="7"/>
      <c r="M107" s="7"/>
      <c r="N107" s="7"/>
      <c r="O107" s="7"/>
      <c r="P107" s="7"/>
      <c r="Q107" s="7"/>
      <c r="R107" s="7"/>
      <c r="S107" s="29"/>
      <c r="T107" s="29"/>
    </row>
    <row r="108" spans="1:20" ht="22.5" customHeight="1" x14ac:dyDescent="0.45">
      <c r="A108" s="7"/>
      <c r="B108" s="7"/>
      <c r="C108" s="7"/>
      <c r="D108" s="7"/>
      <c r="E108" s="7"/>
      <c r="F108" s="7"/>
      <c r="G108" s="7"/>
      <c r="H108" s="7"/>
      <c r="I108" s="29"/>
      <c r="J108" s="29"/>
      <c r="K108" s="7"/>
      <c r="L108" s="7"/>
      <c r="M108" s="7"/>
      <c r="N108" s="7"/>
      <c r="O108" s="7"/>
      <c r="P108" s="7"/>
      <c r="Q108" s="7"/>
      <c r="R108" s="7"/>
      <c r="S108" s="29"/>
      <c r="T108" s="29"/>
    </row>
    <row r="109" spans="1:20" ht="22.5" customHeight="1" x14ac:dyDescent="0.45">
      <c r="I109" s="30"/>
      <c r="J109" s="30"/>
      <c r="S109" s="30"/>
      <c r="T109" s="30"/>
    </row>
    <row r="110" spans="1:20" ht="22.5" customHeight="1" x14ac:dyDescent="0.45">
      <c r="I110" s="30"/>
      <c r="J110" s="30"/>
      <c r="S110" s="30"/>
      <c r="T110" s="30"/>
    </row>
    <row r="111" spans="1:20" ht="22.5" customHeight="1" x14ac:dyDescent="0.45">
      <c r="I111" s="30"/>
      <c r="J111" s="30"/>
      <c r="S111" s="30"/>
      <c r="T111" s="30"/>
    </row>
    <row r="112" spans="1:20" ht="22.5" customHeight="1" x14ac:dyDescent="0.45">
      <c r="I112" s="30"/>
      <c r="J112" s="30"/>
      <c r="S112" s="30"/>
      <c r="T112" s="30"/>
    </row>
    <row r="113" spans="9:20" ht="22.5" customHeight="1" x14ac:dyDescent="0.45">
      <c r="I113" s="30"/>
      <c r="J113" s="30"/>
      <c r="S113" s="30"/>
      <c r="T113" s="30"/>
    </row>
    <row r="114" spans="9:20" ht="22.5" customHeight="1" x14ac:dyDescent="0.45">
      <c r="I114" s="30"/>
      <c r="J114" s="30"/>
      <c r="S114" s="30"/>
      <c r="T114" s="30"/>
    </row>
    <row r="115" spans="9:20" ht="22.5" customHeight="1" x14ac:dyDescent="0.45">
      <c r="I115" s="30"/>
      <c r="J115" s="30"/>
      <c r="S115" s="30"/>
      <c r="T115" s="30"/>
    </row>
    <row r="116" spans="9:20" ht="22.5" customHeight="1" x14ac:dyDescent="0.45">
      <c r="I116" s="30"/>
      <c r="J116" s="30"/>
      <c r="S116" s="30"/>
      <c r="T116" s="30"/>
    </row>
    <row r="117" spans="9:20" ht="22.5" customHeight="1" x14ac:dyDescent="0.45">
      <c r="I117" s="30"/>
      <c r="J117" s="30"/>
      <c r="S117" s="30"/>
      <c r="T117" s="30"/>
    </row>
    <row r="118" spans="9:20" ht="22.5" customHeight="1" x14ac:dyDescent="0.45">
      <c r="I118" s="30"/>
      <c r="J118" s="30"/>
      <c r="S118" s="30"/>
      <c r="T118" s="30"/>
    </row>
    <row r="119" spans="9:20" ht="22.5" customHeight="1" x14ac:dyDescent="0.45">
      <c r="I119" s="30"/>
      <c r="J119" s="30"/>
      <c r="S119" s="30"/>
      <c r="T119" s="30"/>
    </row>
    <row r="120" spans="9:20" ht="22.5" customHeight="1" x14ac:dyDescent="0.45">
      <c r="I120" s="30"/>
      <c r="J120" s="30"/>
      <c r="S120" s="30"/>
      <c r="T120" s="30"/>
    </row>
    <row r="121" spans="9:20" ht="22.5" customHeight="1" x14ac:dyDescent="0.45">
      <c r="I121" s="30"/>
      <c r="J121" s="30"/>
      <c r="S121" s="30"/>
      <c r="T121" s="30"/>
    </row>
    <row r="122" spans="9:20" ht="22.5" customHeight="1" x14ac:dyDescent="0.45">
      <c r="I122" s="30"/>
      <c r="J122" s="30"/>
      <c r="S122" s="30"/>
      <c r="T122" s="30"/>
    </row>
    <row r="123" spans="9:20" ht="22.5" customHeight="1" x14ac:dyDescent="0.45">
      <c r="I123" s="30"/>
      <c r="J123" s="30"/>
      <c r="S123" s="30"/>
      <c r="T123" s="30"/>
    </row>
    <row r="124" spans="9:20" ht="22.5" customHeight="1" x14ac:dyDescent="0.45">
      <c r="I124" s="30"/>
      <c r="J124" s="30"/>
      <c r="S124" s="30"/>
      <c r="T124" s="30"/>
    </row>
    <row r="125" spans="9:20" ht="22.5" customHeight="1" x14ac:dyDescent="0.45">
      <c r="I125" s="30"/>
      <c r="J125" s="30"/>
      <c r="S125" s="30"/>
      <c r="T125" s="30"/>
    </row>
    <row r="126" spans="9:20" ht="22.5" customHeight="1" x14ac:dyDescent="0.45">
      <c r="I126" s="30"/>
      <c r="J126" s="30"/>
      <c r="S126" s="30"/>
      <c r="T126" s="30"/>
    </row>
    <row r="127" spans="9:20" ht="22.5" customHeight="1" x14ac:dyDescent="0.45">
      <c r="I127" s="30"/>
      <c r="J127" s="30"/>
      <c r="S127" s="30"/>
      <c r="T127" s="30"/>
    </row>
    <row r="128" spans="9:20" ht="22.5" customHeight="1" x14ac:dyDescent="0.45">
      <c r="I128" s="30"/>
      <c r="J128" s="30"/>
      <c r="S128" s="30"/>
      <c r="T128" s="30"/>
    </row>
    <row r="129" spans="9:20" ht="22.5" customHeight="1" x14ac:dyDescent="0.45">
      <c r="I129" s="30"/>
      <c r="J129" s="30"/>
      <c r="S129" s="30"/>
      <c r="T129" s="30"/>
    </row>
    <row r="130" spans="9:20" ht="22.5" customHeight="1" x14ac:dyDescent="0.45">
      <c r="I130" s="30"/>
      <c r="J130" s="30"/>
      <c r="S130" s="30"/>
      <c r="T130" s="30"/>
    </row>
    <row r="131" spans="9:20" ht="22.5" customHeight="1" x14ac:dyDescent="0.45">
      <c r="I131" s="30"/>
      <c r="J131" s="30"/>
      <c r="S131" s="30"/>
      <c r="T131" s="30"/>
    </row>
    <row r="132" spans="9:20" ht="22.5" customHeight="1" x14ac:dyDescent="0.45">
      <c r="I132" s="30"/>
      <c r="J132" s="30"/>
      <c r="S132" s="30"/>
      <c r="T132" s="30"/>
    </row>
    <row r="133" spans="9:20" ht="22.5" customHeight="1" x14ac:dyDescent="0.45">
      <c r="I133" s="30"/>
      <c r="J133" s="30"/>
      <c r="S133" s="30"/>
      <c r="T133" s="30"/>
    </row>
    <row r="134" spans="9:20" ht="22.5" customHeight="1" x14ac:dyDescent="0.45">
      <c r="I134" s="30"/>
      <c r="J134" s="30"/>
      <c r="S134" s="30"/>
      <c r="T134" s="30"/>
    </row>
    <row r="135" spans="9:20" ht="22.5" customHeight="1" x14ac:dyDescent="0.45">
      <c r="I135" s="30"/>
      <c r="J135" s="30"/>
      <c r="S135" s="30"/>
      <c r="T135" s="30"/>
    </row>
    <row r="136" spans="9:20" ht="22.5" customHeight="1" x14ac:dyDescent="0.45">
      <c r="I136" s="30"/>
      <c r="J136" s="30"/>
      <c r="S136" s="30"/>
      <c r="T136" s="30"/>
    </row>
    <row r="137" spans="9:20" ht="22.5" customHeight="1" x14ac:dyDescent="0.45">
      <c r="I137" s="30"/>
      <c r="J137" s="30"/>
      <c r="S137" s="30"/>
      <c r="T137" s="30"/>
    </row>
    <row r="138" spans="9:20" ht="22.5" customHeight="1" x14ac:dyDescent="0.45">
      <c r="I138" s="30"/>
      <c r="J138" s="30"/>
      <c r="S138" s="30"/>
      <c r="T138" s="30"/>
    </row>
    <row r="139" spans="9:20" ht="22.5" customHeight="1" x14ac:dyDescent="0.45">
      <c r="I139" s="30"/>
      <c r="J139" s="30"/>
      <c r="S139" s="30"/>
      <c r="T139" s="30"/>
    </row>
    <row r="140" spans="9:20" ht="22.5" customHeight="1" x14ac:dyDescent="0.45">
      <c r="I140" s="30"/>
      <c r="J140" s="30"/>
      <c r="S140" s="30"/>
      <c r="T140" s="30"/>
    </row>
    <row r="141" spans="9:20" ht="22.5" customHeight="1" x14ac:dyDescent="0.45">
      <c r="I141" s="30"/>
      <c r="J141" s="30"/>
      <c r="S141" s="30"/>
      <c r="T141" s="30"/>
    </row>
    <row r="142" spans="9:20" ht="22.5" customHeight="1" x14ac:dyDescent="0.45">
      <c r="I142" s="30"/>
      <c r="J142" s="30"/>
      <c r="S142" s="30"/>
      <c r="T142" s="30"/>
    </row>
    <row r="143" spans="9:20" ht="22.5" customHeight="1" x14ac:dyDescent="0.45">
      <c r="I143" s="30"/>
      <c r="J143" s="30"/>
      <c r="S143" s="30"/>
      <c r="T143" s="30"/>
    </row>
    <row r="144" spans="9:20" ht="22.5" customHeight="1" x14ac:dyDescent="0.45">
      <c r="I144" s="30"/>
      <c r="J144" s="30"/>
      <c r="S144" s="30"/>
      <c r="T144" s="30"/>
    </row>
    <row r="145" spans="9:20" ht="22.5" customHeight="1" x14ac:dyDescent="0.45">
      <c r="I145" s="30"/>
      <c r="J145" s="30"/>
      <c r="S145" s="30"/>
      <c r="T145" s="30"/>
    </row>
    <row r="146" spans="9:20" ht="22.5" customHeight="1" x14ac:dyDescent="0.45">
      <c r="I146" s="30"/>
      <c r="J146" s="30"/>
      <c r="S146" s="30"/>
      <c r="T146" s="30"/>
    </row>
    <row r="147" spans="9:20" ht="22.5" customHeight="1" x14ac:dyDescent="0.45">
      <c r="I147" s="30"/>
      <c r="J147" s="30"/>
      <c r="S147" s="30"/>
      <c r="T147" s="30"/>
    </row>
    <row r="148" spans="9:20" ht="22.5" customHeight="1" x14ac:dyDescent="0.45">
      <c r="I148" s="30"/>
      <c r="J148" s="30"/>
      <c r="S148" s="30"/>
      <c r="T148" s="30"/>
    </row>
    <row r="149" spans="9:20" ht="22.5" customHeight="1" x14ac:dyDescent="0.45">
      <c r="I149" s="30"/>
      <c r="J149" s="30"/>
      <c r="S149" s="30"/>
      <c r="T149" s="30"/>
    </row>
    <row r="150" spans="9:20" ht="22.5" customHeight="1" x14ac:dyDescent="0.45">
      <c r="I150" s="30"/>
      <c r="J150" s="30"/>
      <c r="S150" s="30"/>
      <c r="T150" s="30"/>
    </row>
    <row r="151" spans="9:20" ht="22.5" customHeight="1" x14ac:dyDescent="0.45">
      <c r="I151" s="30"/>
      <c r="J151" s="30"/>
      <c r="S151" s="30"/>
      <c r="T151" s="30"/>
    </row>
    <row r="152" spans="9:20" ht="22.5" customHeight="1" x14ac:dyDescent="0.45">
      <c r="I152" s="30"/>
      <c r="J152" s="30"/>
      <c r="S152" s="30"/>
      <c r="T152" s="30"/>
    </row>
    <row r="153" spans="9:20" ht="22.5" customHeight="1" x14ac:dyDescent="0.45">
      <c r="I153" s="30"/>
      <c r="J153" s="30"/>
      <c r="S153" s="30"/>
      <c r="T153" s="30"/>
    </row>
    <row r="154" spans="9:20" ht="22.5" customHeight="1" x14ac:dyDescent="0.45">
      <c r="I154" s="30"/>
      <c r="J154" s="30"/>
      <c r="S154" s="30"/>
      <c r="T154" s="30"/>
    </row>
    <row r="155" spans="9:20" ht="22.5" customHeight="1" x14ac:dyDescent="0.45">
      <c r="I155" s="30"/>
      <c r="J155" s="30"/>
      <c r="S155" s="30"/>
      <c r="T155" s="30"/>
    </row>
    <row r="156" spans="9:20" ht="22.5" customHeight="1" x14ac:dyDescent="0.45">
      <c r="I156" s="30"/>
      <c r="J156" s="30"/>
      <c r="S156" s="30"/>
      <c r="T156" s="30"/>
    </row>
    <row r="157" spans="9:20" ht="22.5" customHeight="1" x14ac:dyDescent="0.45">
      <c r="I157" s="30"/>
      <c r="J157" s="30"/>
      <c r="S157" s="30"/>
      <c r="T157" s="30"/>
    </row>
    <row r="158" spans="9:20" ht="22.5" customHeight="1" x14ac:dyDescent="0.45">
      <c r="I158" s="30"/>
      <c r="J158" s="30"/>
      <c r="S158" s="30"/>
      <c r="T158" s="30"/>
    </row>
    <row r="159" spans="9:20" ht="22.5" customHeight="1" x14ac:dyDescent="0.45">
      <c r="I159" s="30"/>
      <c r="J159" s="30"/>
      <c r="S159" s="30"/>
      <c r="T159" s="30"/>
    </row>
    <row r="160" spans="9:20" ht="22.5" customHeight="1" x14ac:dyDescent="0.45">
      <c r="I160" s="30"/>
      <c r="J160" s="30"/>
      <c r="S160" s="30"/>
      <c r="T160" s="30"/>
    </row>
    <row r="161" spans="9:20" ht="22.5" customHeight="1" x14ac:dyDescent="0.45">
      <c r="I161" s="30"/>
      <c r="J161" s="30"/>
      <c r="S161" s="30"/>
      <c r="T161" s="30"/>
    </row>
    <row r="162" spans="9:20" ht="22.5" customHeight="1" x14ac:dyDescent="0.45">
      <c r="I162" s="30"/>
      <c r="J162" s="30"/>
      <c r="S162" s="30"/>
      <c r="T162" s="30"/>
    </row>
    <row r="163" spans="9:20" ht="22.5" customHeight="1" x14ac:dyDescent="0.45">
      <c r="I163" s="30"/>
      <c r="J163" s="30"/>
      <c r="S163" s="30"/>
      <c r="T163" s="30"/>
    </row>
    <row r="164" spans="9:20" ht="22.5" customHeight="1" x14ac:dyDescent="0.45">
      <c r="I164" s="30"/>
      <c r="J164" s="30"/>
      <c r="S164" s="30"/>
      <c r="T164" s="30"/>
    </row>
    <row r="165" spans="9:20" ht="22.5" customHeight="1" x14ac:dyDescent="0.45">
      <c r="I165" s="30"/>
      <c r="J165" s="30"/>
      <c r="S165" s="30"/>
      <c r="T165" s="30"/>
    </row>
    <row r="166" spans="9:20" ht="22.5" customHeight="1" x14ac:dyDescent="0.45">
      <c r="I166" s="30"/>
      <c r="J166" s="30"/>
      <c r="S166" s="30"/>
      <c r="T166" s="30"/>
    </row>
    <row r="167" spans="9:20" ht="22.5" customHeight="1" x14ac:dyDescent="0.45">
      <c r="I167" s="30"/>
      <c r="J167" s="30"/>
      <c r="S167" s="30"/>
      <c r="T167" s="30"/>
    </row>
    <row r="168" spans="9:20" ht="22.5" customHeight="1" x14ac:dyDescent="0.45">
      <c r="I168" s="30"/>
      <c r="J168" s="30"/>
      <c r="S168" s="30"/>
      <c r="T168" s="30"/>
    </row>
    <row r="169" spans="9:20" ht="22.5" customHeight="1" x14ac:dyDescent="0.45">
      <c r="I169" s="30"/>
      <c r="J169" s="30"/>
      <c r="S169" s="30"/>
      <c r="T169" s="30"/>
    </row>
    <row r="170" spans="9:20" ht="22.5" customHeight="1" x14ac:dyDescent="0.45">
      <c r="I170" s="30"/>
      <c r="J170" s="30"/>
      <c r="S170" s="30"/>
      <c r="T170" s="30"/>
    </row>
    <row r="171" spans="9:20" ht="22.5" customHeight="1" x14ac:dyDescent="0.45">
      <c r="I171" s="30"/>
      <c r="J171" s="30"/>
      <c r="S171" s="30"/>
      <c r="T171" s="30"/>
    </row>
    <row r="172" spans="9:20" ht="22.5" customHeight="1" x14ac:dyDescent="0.45">
      <c r="I172" s="30"/>
      <c r="J172" s="30"/>
      <c r="S172" s="30"/>
      <c r="T172" s="30"/>
    </row>
    <row r="173" spans="9:20" ht="22.5" customHeight="1" x14ac:dyDescent="0.45">
      <c r="I173" s="30"/>
      <c r="J173" s="30"/>
      <c r="S173" s="30"/>
      <c r="T173" s="30"/>
    </row>
    <row r="174" spans="9:20" ht="22.5" customHeight="1" x14ac:dyDescent="0.45">
      <c r="I174" s="30"/>
      <c r="J174" s="30"/>
      <c r="S174" s="30"/>
      <c r="T174" s="30"/>
    </row>
    <row r="175" spans="9:20" ht="22.5" customHeight="1" x14ac:dyDescent="0.45">
      <c r="I175" s="30"/>
      <c r="J175" s="30"/>
      <c r="S175" s="30"/>
      <c r="T175" s="30"/>
    </row>
    <row r="176" spans="9:20" ht="22.5" customHeight="1" x14ac:dyDescent="0.45">
      <c r="I176" s="30"/>
      <c r="J176" s="30"/>
      <c r="S176" s="30"/>
      <c r="T176" s="30"/>
    </row>
    <row r="177" spans="9:20" ht="22.5" customHeight="1" x14ac:dyDescent="0.45">
      <c r="I177" s="30"/>
      <c r="J177" s="30"/>
      <c r="S177" s="30"/>
      <c r="T177" s="30"/>
    </row>
    <row r="178" spans="9:20" ht="22.5" customHeight="1" x14ac:dyDescent="0.45">
      <c r="I178" s="30"/>
      <c r="J178" s="30"/>
      <c r="S178" s="30"/>
      <c r="T178" s="30"/>
    </row>
    <row r="179" spans="9:20" ht="22.5" customHeight="1" x14ac:dyDescent="0.45">
      <c r="I179" s="30"/>
      <c r="J179" s="30"/>
      <c r="S179" s="30"/>
      <c r="T179" s="30"/>
    </row>
    <row r="180" spans="9:20" ht="22.5" customHeight="1" x14ac:dyDescent="0.45">
      <c r="I180" s="30"/>
      <c r="J180" s="30"/>
      <c r="S180" s="30"/>
      <c r="T180" s="30"/>
    </row>
    <row r="181" spans="9:20" ht="22.5" customHeight="1" x14ac:dyDescent="0.45">
      <c r="I181" s="30"/>
      <c r="J181" s="30"/>
      <c r="S181" s="30"/>
      <c r="T181" s="30"/>
    </row>
    <row r="182" spans="9:20" ht="22.5" customHeight="1" x14ac:dyDescent="0.45">
      <c r="I182" s="30"/>
      <c r="J182" s="30"/>
      <c r="S182" s="30"/>
      <c r="T182" s="30"/>
    </row>
    <row r="183" spans="9:20" ht="22.5" customHeight="1" x14ac:dyDescent="0.45">
      <c r="I183" s="30"/>
      <c r="J183" s="30"/>
      <c r="S183" s="30"/>
      <c r="T183" s="30"/>
    </row>
    <row r="184" spans="9:20" ht="22.5" customHeight="1" x14ac:dyDescent="0.45">
      <c r="I184" s="30"/>
      <c r="J184" s="30"/>
      <c r="S184" s="30"/>
      <c r="T184" s="30"/>
    </row>
    <row r="185" spans="9:20" ht="22.5" customHeight="1" x14ac:dyDescent="0.45">
      <c r="I185" s="30"/>
      <c r="J185" s="30"/>
      <c r="S185" s="30"/>
      <c r="T185" s="30"/>
    </row>
    <row r="186" spans="9:20" ht="22.5" customHeight="1" x14ac:dyDescent="0.45">
      <c r="I186" s="30"/>
      <c r="J186" s="30"/>
      <c r="S186" s="30"/>
      <c r="T186" s="30"/>
    </row>
    <row r="187" spans="9:20" ht="22.5" customHeight="1" x14ac:dyDescent="0.45">
      <c r="I187" s="30"/>
      <c r="J187" s="30"/>
      <c r="S187" s="30"/>
      <c r="T187" s="30"/>
    </row>
    <row r="188" spans="9:20" ht="22.5" customHeight="1" x14ac:dyDescent="0.45">
      <c r="I188" s="30"/>
      <c r="J188" s="30"/>
      <c r="S188" s="30"/>
      <c r="T188" s="30"/>
    </row>
    <row r="189" spans="9:20" ht="22.5" customHeight="1" x14ac:dyDescent="0.45">
      <c r="I189" s="30"/>
      <c r="J189" s="30"/>
      <c r="S189" s="30"/>
      <c r="T189" s="30"/>
    </row>
    <row r="190" spans="9:20" ht="22.5" customHeight="1" x14ac:dyDescent="0.45">
      <c r="I190" s="30"/>
      <c r="J190" s="30"/>
      <c r="S190" s="30"/>
      <c r="T190" s="30"/>
    </row>
    <row r="191" spans="9:20" ht="22.5" customHeight="1" x14ac:dyDescent="0.45">
      <c r="I191" s="30"/>
      <c r="J191" s="30"/>
      <c r="S191" s="30"/>
      <c r="T191" s="30"/>
    </row>
    <row r="192" spans="9:20" ht="22.5" customHeight="1" x14ac:dyDescent="0.45">
      <c r="I192" s="30"/>
      <c r="J192" s="30"/>
      <c r="S192" s="30"/>
      <c r="T192" s="30"/>
    </row>
    <row r="193" spans="9:20" ht="22.5" customHeight="1" x14ac:dyDescent="0.45">
      <c r="I193" s="30"/>
      <c r="J193" s="30"/>
      <c r="S193" s="30"/>
      <c r="T193" s="30"/>
    </row>
    <row r="194" spans="9:20" ht="22.5" customHeight="1" x14ac:dyDescent="0.45">
      <c r="I194" s="30"/>
      <c r="J194" s="30"/>
      <c r="S194" s="30"/>
      <c r="T194" s="30"/>
    </row>
    <row r="195" spans="9:20" ht="22.5" customHeight="1" x14ac:dyDescent="0.45">
      <c r="I195" s="30"/>
      <c r="J195" s="30"/>
      <c r="S195" s="30"/>
      <c r="T195" s="30"/>
    </row>
    <row r="196" spans="9:20" ht="22.5" customHeight="1" x14ac:dyDescent="0.45">
      <c r="I196" s="30"/>
      <c r="J196" s="30"/>
      <c r="S196" s="30"/>
      <c r="T196" s="30"/>
    </row>
    <row r="197" spans="9:20" ht="22.5" customHeight="1" x14ac:dyDescent="0.45">
      <c r="I197" s="30"/>
      <c r="J197" s="30"/>
      <c r="S197" s="30"/>
      <c r="T197" s="30"/>
    </row>
    <row r="198" spans="9:20" ht="22.5" customHeight="1" x14ac:dyDescent="0.45">
      <c r="I198" s="30"/>
      <c r="J198" s="30"/>
      <c r="S198" s="30"/>
      <c r="T198" s="30"/>
    </row>
    <row r="199" spans="9:20" ht="22.5" customHeight="1" x14ac:dyDescent="0.45">
      <c r="I199" s="30"/>
      <c r="J199" s="30"/>
      <c r="S199" s="30"/>
      <c r="T199" s="30"/>
    </row>
    <row r="200" spans="9:20" ht="22.5" customHeight="1" x14ac:dyDescent="0.45">
      <c r="I200" s="30"/>
      <c r="J200" s="30"/>
      <c r="S200" s="30"/>
      <c r="T200" s="30"/>
    </row>
  </sheetData>
  <sheetProtection selectLockedCells="1" selectUnlockedCells="1"/>
  <mergeCells count="10">
    <mergeCell ref="K12:N12"/>
    <mergeCell ref="K13:N13"/>
    <mergeCell ref="L14:N14"/>
    <mergeCell ref="B15:D15"/>
    <mergeCell ref="B6:S6"/>
    <mergeCell ref="B7:S7"/>
    <mergeCell ref="B9:D9"/>
    <mergeCell ref="K9:N9"/>
    <mergeCell ref="K10:N10"/>
    <mergeCell ref="K11:N11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2" orientation="portrait" blackAndWhite="1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 codeName="Sheet19"/>
  <dimension ref="B1:O37"/>
  <sheetViews>
    <sheetView showGridLines="0" view="pageBreakPreview" zoomScale="60" zoomScaleNormal="55" workbookViewId="0"/>
  </sheetViews>
  <sheetFormatPr defaultColWidth="8.8984375" defaultRowHeight="19.2" x14ac:dyDescent="0.45"/>
  <cols>
    <col min="1" max="1" width="2.59765625" style="83" customWidth="1"/>
    <col min="2" max="6" width="2.09765625" style="83" customWidth="1"/>
    <col min="7" max="7" width="2.59765625" style="83" customWidth="1"/>
    <col min="8" max="8" width="23.09765625" style="83" customWidth="1"/>
    <col min="9" max="12" width="28.09765625" style="83" customWidth="1"/>
    <col min="13" max="13" width="35.5" style="83" customWidth="1"/>
    <col min="14" max="14" width="26.19921875" style="83" customWidth="1"/>
    <col min="15" max="15" width="28.09765625" style="83" customWidth="1"/>
    <col min="16" max="16" width="2.59765625" style="83" customWidth="1"/>
    <col min="17" max="16384" width="8.8984375" style="83"/>
  </cols>
  <sheetData>
    <row r="1" spans="2:15" s="82" customFormat="1" ht="22.5" customHeight="1" x14ac:dyDescent="0.45">
      <c r="B1" s="2" t="s">
        <v>12</v>
      </c>
    </row>
    <row r="2" spans="2:15" s="82" customFormat="1" ht="22.5" customHeight="1" x14ac:dyDescent="0.45">
      <c r="B2" s="2" t="s">
        <v>74</v>
      </c>
    </row>
    <row r="3" spans="2:15" s="82" customFormat="1" ht="22.5" customHeight="1" x14ac:dyDescent="0.45">
      <c r="B3" s="2"/>
    </row>
    <row r="5" spans="2:15" x14ac:dyDescent="0.45">
      <c r="B5" s="162" t="s">
        <v>21</v>
      </c>
      <c r="C5" s="163"/>
      <c r="D5" s="163"/>
      <c r="E5" s="163"/>
      <c r="F5" s="163"/>
      <c r="G5" s="163"/>
      <c r="H5" s="163"/>
      <c r="I5" s="163"/>
      <c r="J5" s="163"/>
      <c r="K5" s="163"/>
      <c r="L5" s="163"/>
      <c r="M5" s="163"/>
      <c r="N5" s="163"/>
      <c r="O5" s="163"/>
    </row>
    <row r="6" spans="2:15" ht="23.25" customHeight="1" x14ac:dyDescent="0.45">
      <c r="B6" s="163"/>
      <c r="C6" s="163"/>
      <c r="D6" s="163"/>
      <c r="E6" s="163"/>
      <c r="F6" s="163"/>
      <c r="G6" s="163"/>
      <c r="H6" s="163"/>
      <c r="I6" s="163"/>
      <c r="J6" s="163"/>
      <c r="K6" s="163"/>
      <c r="L6" s="163"/>
      <c r="M6" s="163"/>
      <c r="N6" s="163"/>
      <c r="O6" s="163"/>
    </row>
    <row r="7" spans="2:15" x14ac:dyDescent="0.45">
      <c r="O7" s="84" t="s">
        <v>2</v>
      </c>
    </row>
    <row r="8" spans="2:15" ht="21.9" customHeight="1" x14ac:dyDescent="0.45">
      <c r="B8" s="164" t="s">
        <v>22</v>
      </c>
      <c r="C8" s="165"/>
      <c r="D8" s="165"/>
      <c r="E8" s="165"/>
      <c r="F8" s="165"/>
      <c r="G8" s="165"/>
      <c r="H8" s="166"/>
      <c r="I8" s="85" t="s">
        <v>23</v>
      </c>
      <c r="J8" s="86" t="s">
        <v>24</v>
      </c>
      <c r="K8" s="86" t="s">
        <v>25</v>
      </c>
      <c r="L8" s="86" t="s">
        <v>26</v>
      </c>
      <c r="M8" s="86" t="s">
        <v>27</v>
      </c>
      <c r="N8" s="86" t="s">
        <v>28</v>
      </c>
      <c r="O8" s="86" t="s">
        <v>29</v>
      </c>
    </row>
    <row r="9" spans="2:15" ht="21.9" customHeight="1" x14ac:dyDescent="0.45">
      <c r="B9" s="167"/>
      <c r="C9" s="168"/>
      <c r="D9" s="168"/>
      <c r="E9" s="168"/>
      <c r="F9" s="168"/>
      <c r="G9" s="168"/>
      <c r="H9" s="169"/>
      <c r="I9" s="87" t="s">
        <v>30</v>
      </c>
      <c r="J9" s="87" t="s">
        <v>31</v>
      </c>
      <c r="K9" s="87" t="s">
        <v>32</v>
      </c>
      <c r="L9" s="87" t="s">
        <v>33</v>
      </c>
      <c r="M9" s="87" t="s">
        <v>34</v>
      </c>
      <c r="N9" s="87" t="s">
        <v>35</v>
      </c>
      <c r="O9" s="87" t="s">
        <v>36</v>
      </c>
    </row>
    <row r="10" spans="2:15" ht="21.9" customHeight="1" x14ac:dyDescent="0.45">
      <c r="B10" s="88" t="s">
        <v>37</v>
      </c>
      <c r="C10" s="89"/>
      <c r="D10" s="89"/>
      <c r="E10" s="89"/>
      <c r="F10" s="89"/>
      <c r="G10" s="89"/>
      <c r="H10" s="90"/>
      <c r="I10" s="91">
        <v>0</v>
      </c>
      <c r="J10" s="91">
        <v>0</v>
      </c>
      <c r="K10" s="91">
        <v>0</v>
      </c>
      <c r="L10" s="91">
        <v>0</v>
      </c>
      <c r="M10" s="91">
        <v>0</v>
      </c>
      <c r="N10" s="91">
        <v>0</v>
      </c>
      <c r="O10" s="91">
        <v>0</v>
      </c>
    </row>
    <row r="11" spans="2:15" ht="21.9" customHeight="1" x14ac:dyDescent="0.45">
      <c r="B11" s="88"/>
      <c r="C11" s="89" t="s">
        <v>38</v>
      </c>
      <c r="D11" s="89"/>
      <c r="E11" s="89"/>
      <c r="F11" s="89"/>
      <c r="G11" s="89"/>
      <c r="H11" s="90"/>
      <c r="I11" s="91">
        <v>0</v>
      </c>
      <c r="J11" s="91">
        <v>0</v>
      </c>
      <c r="K11" s="91">
        <v>0</v>
      </c>
      <c r="L11" s="91">
        <v>0</v>
      </c>
      <c r="M11" s="91">
        <v>0</v>
      </c>
      <c r="N11" s="91">
        <v>0</v>
      </c>
      <c r="O11" s="91">
        <v>0</v>
      </c>
    </row>
    <row r="12" spans="2:15" ht="21.9" customHeight="1" x14ac:dyDescent="0.45">
      <c r="B12" s="88"/>
      <c r="C12" s="89"/>
      <c r="D12" s="89" t="s">
        <v>39</v>
      </c>
      <c r="E12" s="89"/>
      <c r="F12" s="89"/>
      <c r="G12" s="89"/>
      <c r="H12" s="90"/>
      <c r="I12" s="91">
        <v>0</v>
      </c>
      <c r="J12" s="91">
        <v>0</v>
      </c>
      <c r="K12" s="91">
        <v>0</v>
      </c>
      <c r="L12" s="91">
        <v>0</v>
      </c>
      <c r="M12" s="91">
        <v>0</v>
      </c>
      <c r="N12" s="91">
        <v>0</v>
      </c>
      <c r="O12" s="91">
        <v>0</v>
      </c>
    </row>
    <row r="13" spans="2:15" ht="21.9" customHeight="1" x14ac:dyDescent="0.45">
      <c r="B13" s="88"/>
      <c r="C13" s="89"/>
      <c r="D13" s="89" t="s">
        <v>40</v>
      </c>
      <c r="E13" s="89"/>
      <c r="F13" s="89"/>
      <c r="G13" s="89"/>
      <c r="H13" s="90"/>
      <c r="I13" s="91">
        <v>0</v>
      </c>
      <c r="J13" s="91">
        <v>0</v>
      </c>
      <c r="K13" s="91">
        <v>0</v>
      </c>
      <c r="L13" s="91">
        <v>0</v>
      </c>
      <c r="M13" s="91">
        <v>0</v>
      </c>
      <c r="N13" s="91">
        <v>0</v>
      </c>
      <c r="O13" s="91">
        <v>0</v>
      </c>
    </row>
    <row r="14" spans="2:15" ht="21.9" customHeight="1" x14ac:dyDescent="0.45">
      <c r="B14" s="88"/>
      <c r="C14" s="89"/>
      <c r="D14" s="89" t="s">
        <v>41</v>
      </c>
      <c r="E14" s="89"/>
      <c r="F14" s="89"/>
      <c r="G14" s="89"/>
      <c r="H14" s="90"/>
      <c r="I14" s="91">
        <v>0</v>
      </c>
      <c r="J14" s="91">
        <v>0</v>
      </c>
      <c r="K14" s="91">
        <v>0</v>
      </c>
      <c r="L14" s="91">
        <v>0</v>
      </c>
      <c r="M14" s="91">
        <v>0</v>
      </c>
      <c r="N14" s="91">
        <v>0</v>
      </c>
      <c r="O14" s="91">
        <v>0</v>
      </c>
    </row>
    <row r="15" spans="2:15" ht="21.9" customHeight="1" x14ac:dyDescent="0.45">
      <c r="B15" s="88"/>
      <c r="C15" s="89"/>
      <c r="D15" s="89" t="s">
        <v>42</v>
      </c>
      <c r="E15" s="89"/>
      <c r="F15" s="89"/>
      <c r="G15" s="89"/>
      <c r="H15" s="90"/>
      <c r="I15" s="91">
        <v>0</v>
      </c>
      <c r="J15" s="91">
        <v>0</v>
      </c>
      <c r="K15" s="91">
        <v>0</v>
      </c>
      <c r="L15" s="91">
        <v>0</v>
      </c>
      <c r="M15" s="91">
        <v>0</v>
      </c>
      <c r="N15" s="91">
        <v>0</v>
      </c>
      <c r="O15" s="91">
        <v>0</v>
      </c>
    </row>
    <row r="16" spans="2:15" ht="21.9" customHeight="1" x14ac:dyDescent="0.45">
      <c r="B16" s="88"/>
      <c r="C16" s="89"/>
      <c r="D16" s="89" t="s">
        <v>43</v>
      </c>
      <c r="E16" s="89"/>
      <c r="F16" s="89"/>
      <c r="G16" s="89"/>
      <c r="H16" s="90"/>
      <c r="I16" s="91">
        <v>0</v>
      </c>
      <c r="J16" s="91">
        <v>0</v>
      </c>
      <c r="K16" s="91">
        <v>0</v>
      </c>
      <c r="L16" s="91">
        <v>0</v>
      </c>
      <c r="M16" s="91">
        <v>0</v>
      </c>
      <c r="N16" s="91">
        <v>0</v>
      </c>
      <c r="O16" s="91">
        <v>0</v>
      </c>
    </row>
    <row r="17" spans="2:15" ht="21.9" customHeight="1" x14ac:dyDescent="0.45">
      <c r="B17" s="88"/>
      <c r="C17" s="89"/>
      <c r="D17" s="89" t="s">
        <v>44</v>
      </c>
      <c r="E17" s="89"/>
      <c r="F17" s="89"/>
      <c r="G17" s="89"/>
      <c r="H17" s="90"/>
      <c r="I17" s="91">
        <v>0</v>
      </c>
      <c r="J17" s="91">
        <v>0</v>
      </c>
      <c r="K17" s="91">
        <v>0</v>
      </c>
      <c r="L17" s="91">
        <v>0</v>
      </c>
      <c r="M17" s="91">
        <v>0</v>
      </c>
      <c r="N17" s="91">
        <v>0</v>
      </c>
      <c r="O17" s="91">
        <v>0</v>
      </c>
    </row>
    <row r="18" spans="2:15" ht="21.9" customHeight="1" x14ac:dyDescent="0.45">
      <c r="B18" s="88"/>
      <c r="C18" s="89"/>
      <c r="D18" s="89" t="s">
        <v>45</v>
      </c>
      <c r="E18" s="89"/>
      <c r="F18" s="89"/>
      <c r="G18" s="89"/>
      <c r="H18" s="90"/>
      <c r="I18" s="91">
        <v>0</v>
      </c>
      <c r="J18" s="91">
        <v>0</v>
      </c>
      <c r="K18" s="91">
        <v>0</v>
      </c>
      <c r="L18" s="91">
        <v>0</v>
      </c>
      <c r="M18" s="91">
        <v>0</v>
      </c>
      <c r="N18" s="91">
        <v>0</v>
      </c>
      <c r="O18" s="91">
        <v>0</v>
      </c>
    </row>
    <row r="19" spans="2:15" ht="21.9" customHeight="1" x14ac:dyDescent="0.45">
      <c r="B19" s="92"/>
      <c r="C19" s="93" t="s">
        <v>46</v>
      </c>
      <c r="D19" s="93"/>
      <c r="E19" s="93"/>
      <c r="F19" s="93"/>
      <c r="G19" s="93"/>
      <c r="H19" s="94"/>
      <c r="I19" s="91">
        <v>0</v>
      </c>
      <c r="J19" s="91">
        <v>0</v>
      </c>
      <c r="K19" s="91">
        <v>0</v>
      </c>
      <c r="L19" s="91">
        <v>0</v>
      </c>
      <c r="M19" s="91">
        <v>0</v>
      </c>
      <c r="N19" s="91">
        <v>0</v>
      </c>
      <c r="O19" s="91">
        <v>0</v>
      </c>
    </row>
    <row r="20" spans="2:15" ht="21.9" customHeight="1" x14ac:dyDescent="0.45">
      <c r="B20" s="92"/>
      <c r="C20" s="93"/>
      <c r="D20" s="93" t="s">
        <v>47</v>
      </c>
      <c r="E20" s="93"/>
      <c r="F20" s="93"/>
      <c r="G20" s="93"/>
      <c r="H20" s="94"/>
      <c r="I20" s="91">
        <v>0</v>
      </c>
      <c r="J20" s="91">
        <v>0</v>
      </c>
      <c r="K20" s="91">
        <v>0</v>
      </c>
      <c r="L20" s="91">
        <v>0</v>
      </c>
      <c r="M20" s="91">
        <v>0</v>
      </c>
      <c r="N20" s="91">
        <v>0</v>
      </c>
      <c r="O20" s="91">
        <v>0</v>
      </c>
    </row>
    <row r="21" spans="2:15" ht="21.9" customHeight="1" x14ac:dyDescent="0.45">
      <c r="B21" s="92"/>
      <c r="C21" s="93"/>
      <c r="D21" s="93" t="s">
        <v>48</v>
      </c>
      <c r="E21" s="93"/>
      <c r="F21" s="93"/>
      <c r="G21" s="93"/>
      <c r="H21" s="94"/>
      <c r="I21" s="91">
        <v>0</v>
      </c>
      <c r="J21" s="91">
        <v>0</v>
      </c>
      <c r="K21" s="91">
        <v>0</v>
      </c>
      <c r="L21" s="91">
        <v>0</v>
      </c>
      <c r="M21" s="91">
        <v>0</v>
      </c>
      <c r="N21" s="91">
        <v>0</v>
      </c>
      <c r="O21" s="91">
        <v>0</v>
      </c>
    </row>
    <row r="22" spans="2:15" ht="21.9" customHeight="1" x14ac:dyDescent="0.45">
      <c r="B22" s="88" t="s">
        <v>49</v>
      </c>
      <c r="C22" s="89"/>
      <c r="D22" s="89"/>
      <c r="E22" s="89"/>
      <c r="F22" s="89"/>
      <c r="G22" s="89"/>
      <c r="H22" s="90"/>
      <c r="I22" s="91">
        <v>0</v>
      </c>
      <c r="J22" s="91">
        <v>0</v>
      </c>
      <c r="K22" s="91">
        <v>0</v>
      </c>
      <c r="L22" s="91">
        <v>0</v>
      </c>
      <c r="M22" s="91">
        <v>0</v>
      </c>
      <c r="N22" s="91">
        <v>0</v>
      </c>
      <c r="O22" s="91">
        <v>0</v>
      </c>
    </row>
    <row r="23" spans="2:15" ht="21.9" customHeight="1" x14ac:dyDescent="0.45">
      <c r="B23" s="88"/>
      <c r="C23" s="89" t="s">
        <v>50</v>
      </c>
      <c r="D23" s="89"/>
      <c r="E23" s="89"/>
      <c r="F23" s="89"/>
      <c r="G23" s="89"/>
      <c r="H23" s="90"/>
      <c r="I23" s="91">
        <v>0</v>
      </c>
      <c r="J23" s="91">
        <v>0</v>
      </c>
      <c r="K23" s="91">
        <v>0</v>
      </c>
      <c r="L23" s="91">
        <v>0</v>
      </c>
      <c r="M23" s="91">
        <v>0</v>
      </c>
      <c r="N23" s="91">
        <v>0</v>
      </c>
      <c r="O23" s="91">
        <v>0</v>
      </c>
    </row>
    <row r="24" spans="2:15" ht="21.9" customHeight="1" x14ac:dyDescent="0.45">
      <c r="B24" s="88"/>
      <c r="C24" s="89"/>
      <c r="D24" s="89" t="s">
        <v>39</v>
      </c>
      <c r="E24" s="89"/>
      <c r="F24" s="89"/>
      <c r="G24" s="89"/>
      <c r="H24" s="90"/>
      <c r="I24" s="91">
        <v>0</v>
      </c>
      <c r="J24" s="91">
        <v>0</v>
      </c>
      <c r="K24" s="91">
        <v>0</v>
      </c>
      <c r="L24" s="91">
        <v>0</v>
      </c>
      <c r="M24" s="91">
        <v>0</v>
      </c>
      <c r="N24" s="91">
        <v>0</v>
      </c>
      <c r="O24" s="91">
        <v>0</v>
      </c>
    </row>
    <row r="25" spans="2:15" ht="21.9" customHeight="1" x14ac:dyDescent="0.45">
      <c r="B25" s="88"/>
      <c r="C25" s="89"/>
      <c r="D25" s="89" t="s">
        <v>40</v>
      </c>
      <c r="E25" s="89"/>
      <c r="F25" s="89"/>
      <c r="G25" s="89"/>
      <c r="H25" s="90"/>
      <c r="I25" s="91">
        <v>0</v>
      </c>
      <c r="J25" s="91">
        <v>0</v>
      </c>
      <c r="K25" s="91">
        <v>0</v>
      </c>
      <c r="L25" s="91">
        <v>0</v>
      </c>
      <c r="M25" s="91">
        <v>0</v>
      </c>
      <c r="N25" s="91">
        <v>0</v>
      </c>
      <c r="O25" s="91">
        <v>0</v>
      </c>
    </row>
    <row r="26" spans="2:15" ht="21.9" customHeight="1" x14ac:dyDescent="0.45">
      <c r="B26" s="88"/>
      <c r="C26" s="89"/>
      <c r="D26" s="89" t="s">
        <v>41</v>
      </c>
      <c r="E26" s="89"/>
      <c r="F26" s="89"/>
      <c r="G26" s="89"/>
      <c r="H26" s="90"/>
      <c r="I26" s="91">
        <v>0</v>
      </c>
      <c r="J26" s="91">
        <v>0</v>
      </c>
      <c r="K26" s="91">
        <v>0</v>
      </c>
      <c r="L26" s="91">
        <v>0</v>
      </c>
      <c r="M26" s="91">
        <v>0</v>
      </c>
      <c r="N26" s="91">
        <v>0</v>
      </c>
      <c r="O26" s="91">
        <v>0</v>
      </c>
    </row>
    <row r="27" spans="2:15" ht="21.9" customHeight="1" x14ac:dyDescent="0.45">
      <c r="B27" s="92"/>
      <c r="C27" s="93" t="s">
        <v>51</v>
      </c>
      <c r="D27" s="93"/>
      <c r="E27" s="93"/>
      <c r="F27" s="93"/>
      <c r="G27" s="93"/>
      <c r="H27" s="94"/>
      <c r="I27" s="91">
        <v>0</v>
      </c>
      <c r="J27" s="91">
        <v>0</v>
      </c>
      <c r="K27" s="91">
        <v>0</v>
      </c>
      <c r="L27" s="91">
        <v>0</v>
      </c>
      <c r="M27" s="91">
        <v>0</v>
      </c>
      <c r="N27" s="91">
        <v>0</v>
      </c>
      <c r="O27" s="91">
        <v>0</v>
      </c>
    </row>
    <row r="28" spans="2:15" ht="21.9" customHeight="1" x14ac:dyDescent="0.45">
      <c r="B28" s="92"/>
      <c r="C28" s="93"/>
      <c r="D28" s="93" t="s">
        <v>47</v>
      </c>
      <c r="E28" s="93"/>
      <c r="F28" s="93"/>
      <c r="G28" s="93"/>
      <c r="H28" s="94"/>
      <c r="I28" s="91">
        <v>0</v>
      </c>
      <c r="J28" s="91">
        <v>0</v>
      </c>
      <c r="K28" s="91">
        <v>0</v>
      </c>
      <c r="L28" s="91">
        <v>0</v>
      </c>
      <c r="M28" s="91">
        <v>0</v>
      </c>
      <c r="N28" s="91">
        <v>0</v>
      </c>
      <c r="O28" s="91">
        <v>0</v>
      </c>
    </row>
    <row r="29" spans="2:15" ht="21.9" customHeight="1" x14ac:dyDescent="0.45">
      <c r="B29" s="92"/>
      <c r="C29" s="93"/>
      <c r="D29" s="93" t="s">
        <v>48</v>
      </c>
      <c r="E29" s="93"/>
      <c r="F29" s="93"/>
      <c r="G29" s="93"/>
      <c r="H29" s="94"/>
      <c r="I29" s="91">
        <v>0</v>
      </c>
      <c r="J29" s="91">
        <v>0</v>
      </c>
      <c r="K29" s="91">
        <v>0</v>
      </c>
      <c r="L29" s="91">
        <v>0</v>
      </c>
      <c r="M29" s="91">
        <v>0</v>
      </c>
      <c r="N29" s="91">
        <v>0</v>
      </c>
      <c r="O29" s="91">
        <v>0</v>
      </c>
    </row>
    <row r="30" spans="2:15" ht="21.9" customHeight="1" x14ac:dyDescent="0.45">
      <c r="B30" s="88" t="s">
        <v>52</v>
      </c>
      <c r="C30" s="89"/>
      <c r="D30" s="89"/>
      <c r="E30" s="89"/>
      <c r="F30" s="89"/>
      <c r="G30" s="89"/>
      <c r="H30" s="90"/>
      <c r="I30" s="91">
        <v>0</v>
      </c>
      <c r="J30" s="91">
        <v>0</v>
      </c>
      <c r="K30" s="91">
        <v>0</v>
      </c>
      <c r="L30" s="91">
        <v>0</v>
      </c>
      <c r="M30" s="91">
        <v>0</v>
      </c>
      <c r="N30" s="91">
        <v>0</v>
      </c>
      <c r="O30" s="91">
        <v>0</v>
      </c>
    </row>
    <row r="31" spans="2:15" ht="21.9" customHeight="1" x14ac:dyDescent="0.45">
      <c r="B31" s="88" t="s">
        <v>53</v>
      </c>
      <c r="C31" s="89"/>
      <c r="D31" s="89"/>
      <c r="E31" s="89"/>
      <c r="F31" s="89"/>
      <c r="G31" s="89"/>
      <c r="H31" s="90"/>
      <c r="I31" s="91">
        <v>0</v>
      </c>
      <c r="J31" s="91">
        <v>0</v>
      </c>
      <c r="K31" s="91">
        <v>0</v>
      </c>
      <c r="L31" s="91">
        <v>0</v>
      </c>
      <c r="M31" s="91">
        <v>0</v>
      </c>
      <c r="N31" s="91">
        <v>0</v>
      </c>
      <c r="O31" s="91">
        <v>0</v>
      </c>
    </row>
    <row r="32" spans="2:15" ht="21.9" customHeight="1" x14ac:dyDescent="0.45">
      <c r="B32" s="92" t="s">
        <v>54</v>
      </c>
      <c r="C32" s="93"/>
      <c r="D32" s="93"/>
      <c r="E32" s="93"/>
      <c r="F32" s="93"/>
      <c r="G32" s="93"/>
      <c r="H32" s="94"/>
      <c r="I32" s="91">
        <v>0</v>
      </c>
      <c r="J32" s="91">
        <v>0</v>
      </c>
      <c r="K32" s="91">
        <v>0</v>
      </c>
      <c r="L32" s="91">
        <v>0</v>
      </c>
      <c r="M32" s="91">
        <v>0</v>
      </c>
      <c r="N32" s="91">
        <v>0</v>
      </c>
      <c r="O32" s="91">
        <v>0</v>
      </c>
    </row>
    <row r="33" spans="2:15" ht="21.9" customHeight="1" x14ac:dyDescent="0.45">
      <c r="B33" s="92" t="s">
        <v>55</v>
      </c>
      <c r="C33" s="93"/>
      <c r="D33" s="93"/>
      <c r="E33" s="93"/>
      <c r="F33" s="93"/>
      <c r="G33" s="93"/>
      <c r="H33" s="94"/>
      <c r="I33" s="91">
        <v>0</v>
      </c>
      <c r="J33" s="91">
        <v>0</v>
      </c>
      <c r="K33" s="91">
        <v>0</v>
      </c>
      <c r="L33" s="91">
        <v>0</v>
      </c>
      <c r="M33" s="91">
        <v>0</v>
      </c>
      <c r="N33" s="91">
        <v>0</v>
      </c>
      <c r="O33" s="91">
        <v>0</v>
      </c>
    </row>
    <row r="34" spans="2:15" ht="21.9" customHeight="1" x14ac:dyDescent="0.45">
      <c r="B34" s="92" t="s">
        <v>56</v>
      </c>
      <c r="C34" s="93"/>
      <c r="D34" s="93"/>
      <c r="E34" s="93"/>
      <c r="F34" s="93"/>
      <c r="G34" s="93"/>
      <c r="H34" s="94"/>
      <c r="I34" s="91">
        <v>0</v>
      </c>
      <c r="J34" s="91">
        <v>0</v>
      </c>
      <c r="K34" s="91">
        <v>0</v>
      </c>
      <c r="L34" s="91">
        <v>0</v>
      </c>
      <c r="M34" s="91">
        <v>0</v>
      </c>
      <c r="N34" s="91">
        <v>0</v>
      </c>
      <c r="O34" s="91">
        <v>0</v>
      </c>
    </row>
    <row r="35" spans="2:15" ht="21.9" customHeight="1" x14ac:dyDescent="0.45">
      <c r="B35" s="170" t="s">
        <v>57</v>
      </c>
      <c r="C35" s="171"/>
      <c r="D35" s="171"/>
      <c r="E35" s="171"/>
      <c r="F35" s="171"/>
      <c r="G35" s="171"/>
      <c r="H35" s="172"/>
      <c r="I35" s="91">
        <v>0</v>
      </c>
      <c r="J35" s="91">
        <v>0</v>
      </c>
      <c r="K35" s="91">
        <v>0</v>
      </c>
      <c r="L35" s="91">
        <v>0</v>
      </c>
      <c r="M35" s="91">
        <v>0</v>
      </c>
      <c r="N35" s="91">
        <v>0</v>
      </c>
      <c r="O35" s="91">
        <v>0</v>
      </c>
    </row>
    <row r="36" spans="2:15" ht="12" customHeight="1" x14ac:dyDescent="0.45"/>
    <row r="37" spans="2:15" ht="21.9" customHeight="1" x14ac:dyDescent="0.45">
      <c r="B37" s="173"/>
      <c r="C37" s="173"/>
      <c r="D37" s="173"/>
      <c r="E37" s="173"/>
      <c r="F37" s="173"/>
      <c r="G37" s="173"/>
      <c r="H37" s="173"/>
      <c r="I37" s="173"/>
      <c r="J37" s="173"/>
      <c r="K37" s="173"/>
      <c r="L37" s="173"/>
      <c r="M37" s="173"/>
      <c r="N37" s="173"/>
      <c r="O37" s="173"/>
    </row>
  </sheetData>
  <mergeCells count="4">
    <mergeCell ref="B5:O6"/>
    <mergeCell ref="B8:H9"/>
    <mergeCell ref="B35:H35"/>
    <mergeCell ref="B37:O37"/>
  </mergeCells>
  <phoneticPr fontId="1"/>
  <printOptions horizontalCentered="1"/>
  <pageMargins left="0.27559055118110237" right="0.15748031496062992" top="0.55118110236220474" bottom="0.43307086614173229" header="0.70866141732283472" footer="0.31496062992125984"/>
  <pageSetup paperSize="9" scale="53" orientation="landscape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dimension ref="A1:D75"/>
  <sheetViews>
    <sheetView view="pageBreakPreview" zoomScale="55" zoomScaleNormal="55" zoomScaleSheetLayoutView="55" workbookViewId="0"/>
  </sheetViews>
  <sheetFormatPr defaultRowHeight="18" x14ac:dyDescent="0.45"/>
  <cols>
    <col min="1" max="1" width="4" style="134" customWidth="1"/>
    <col min="2" max="2" width="54.09765625" style="135" customWidth="1"/>
    <col min="3" max="3" width="60.5" style="135" customWidth="1"/>
    <col min="4" max="4" width="52.69921875" style="135" customWidth="1"/>
  </cols>
  <sheetData>
    <row r="1" spans="1:4" ht="23.25" customHeight="1" x14ac:dyDescent="0.45">
      <c r="A1" s="1"/>
      <c r="B1" s="125" t="s">
        <v>232</v>
      </c>
      <c r="C1" s="1"/>
      <c r="D1" s="1"/>
    </row>
    <row r="2" spans="1:4" ht="23.25" customHeight="1" x14ac:dyDescent="0.45">
      <c r="A2" s="1"/>
      <c r="B2" s="125" t="s">
        <v>233</v>
      </c>
      <c r="C2" s="1"/>
      <c r="D2" s="1"/>
    </row>
    <row r="3" spans="1:4" ht="23.25" customHeight="1" x14ac:dyDescent="0.45">
      <c r="A3" s="1"/>
      <c r="B3" s="125"/>
      <c r="C3" s="1"/>
      <c r="D3" s="1"/>
    </row>
    <row r="4" spans="1:4" ht="122.25" customHeight="1" x14ac:dyDescent="0.45">
      <c r="A4" s="175" t="s">
        <v>234</v>
      </c>
      <c r="B4" s="175"/>
      <c r="C4" s="175"/>
      <c r="D4" s="175"/>
    </row>
    <row r="5" spans="1:4" ht="35.25" customHeight="1" x14ac:dyDescent="0.45">
      <c r="A5" s="126"/>
      <c r="B5" s="127"/>
      <c r="C5" s="127"/>
      <c r="D5" s="127"/>
    </row>
    <row r="6" spans="1:4" ht="35.25" customHeight="1" x14ac:dyDescent="0.45">
      <c r="A6" s="126"/>
      <c r="B6" s="127" t="s">
        <v>235</v>
      </c>
      <c r="C6" s="127"/>
      <c r="D6" s="127"/>
    </row>
    <row r="7" spans="1:4" ht="35.25" customHeight="1" x14ac:dyDescent="0.45">
      <c r="A7" s="126"/>
      <c r="B7" s="128"/>
      <c r="C7" s="174"/>
      <c r="D7" s="174"/>
    </row>
    <row r="8" spans="1:4" ht="35.25" customHeight="1" x14ac:dyDescent="0.45">
      <c r="A8" s="126"/>
      <c r="B8" s="128"/>
      <c r="C8" s="174"/>
      <c r="D8" s="174"/>
    </row>
    <row r="9" spans="1:4" ht="35.25" customHeight="1" x14ac:dyDescent="0.45">
      <c r="A9" s="126"/>
      <c r="B9" s="129"/>
      <c r="C9" s="174"/>
      <c r="D9" s="174"/>
    </row>
    <row r="10" spans="1:4" ht="35.25" customHeight="1" x14ac:dyDescent="0.45">
      <c r="A10" s="126"/>
      <c r="B10" s="128"/>
      <c r="C10" s="174"/>
      <c r="D10" s="174"/>
    </row>
    <row r="11" spans="1:4" ht="35.25" customHeight="1" x14ac:dyDescent="0.45">
      <c r="A11" s="126"/>
      <c r="B11" s="128"/>
      <c r="C11" s="176"/>
      <c r="D11" s="176"/>
    </row>
    <row r="12" spans="1:4" ht="35.25" customHeight="1" x14ac:dyDescent="0.45">
      <c r="A12" s="126"/>
      <c r="B12" s="128"/>
      <c r="C12" s="174"/>
      <c r="D12" s="174"/>
    </row>
    <row r="13" spans="1:4" ht="35.25" customHeight="1" x14ac:dyDescent="0.45">
      <c r="A13" s="126"/>
      <c r="B13" s="130"/>
      <c r="C13" s="130"/>
      <c r="D13" s="131"/>
    </row>
    <row r="14" spans="1:4" ht="35.25" customHeight="1" x14ac:dyDescent="0.45">
      <c r="A14" s="126"/>
      <c r="B14" s="131"/>
      <c r="C14" s="131"/>
      <c r="D14" s="131"/>
    </row>
    <row r="15" spans="1:4" ht="35.25" customHeight="1" x14ac:dyDescent="0.45">
      <c r="A15" s="126"/>
      <c r="B15" s="131"/>
      <c r="C15" s="131"/>
      <c r="D15" s="131"/>
    </row>
    <row r="16" spans="1:4" ht="35.25" customHeight="1" x14ac:dyDescent="0.45">
      <c r="A16" s="126"/>
      <c r="B16" s="131"/>
      <c r="C16" s="131"/>
      <c r="D16" s="131"/>
    </row>
    <row r="17" spans="1:4" ht="35.25" customHeight="1" x14ac:dyDescent="0.45">
      <c r="A17" s="126"/>
      <c r="B17" s="131"/>
      <c r="C17" s="131"/>
      <c r="D17" s="131"/>
    </row>
    <row r="18" spans="1:4" ht="35.25" customHeight="1" x14ac:dyDescent="0.45">
      <c r="A18" s="126"/>
      <c r="B18" s="131"/>
      <c r="C18" s="131"/>
      <c r="D18" s="131"/>
    </row>
    <row r="19" spans="1:4" ht="35.25" customHeight="1" x14ac:dyDescent="0.45">
      <c r="A19" s="126"/>
      <c r="B19" s="131"/>
      <c r="C19" s="131"/>
      <c r="D19" s="131"/>
    </row>
    <row r="20" spans="1:4" ht="35.25" customHeight="1" x14ac:dyDescent="0.45">
      <c r="A20" s="126"/>
      <c r="B20" s="127"/>
      <c r="C20" s="127"/>
      <c r="D20" s="127"/>
    </row>
    <row r="21" spans="1:4" ht="35.25" customHeight="1" x14ac:dyDescent="0.45">
      <c r="A21" s="126"/>
      <c r="B21" s="127"/>
      <c r="C21" s="127"/>
      <c r="D21" s="127"/>
    </row>
    <row r="22" spans="1:4" ht="35.25" customHeight="1" x14ac:dyDescent="0.45">
      <c r="A22" s="126"/>
      <c r="B22" s="127"/>
      <c r="C22" s="127"/>
      <c r="D22" s="127"/>
    </row>
    <row r="23" spans="1:4" ht="35.25" customHeight="1" x14ac:dyDescent="0.45">
      <c r="A23" s="126"/>
      <c r="B23" s="127"/>
      <c r="C23" s="127"/>
      <c r="D23" s="127"/>
    </row>
    <row r="24" spans="1:4" ht="35.25" customHeight="1" x14ac:dyDescent="0.45">
      <c r="A24" s="126"/>
      <c r="B24" s="127"/>
      <c r="C24" s="127"/>
      <c r="D24" s="127"/>
    </row>
    <row r="25" spans="1:4" ht="35.25" customHeight="1" x14ac:dyDescent="0.45">
      <c r="A25" s="126"/>
      <c r="B25" s="127"/>
      <c r="C25" s="127"/>
      <c r="D25" s="127"/>
    </row>
    <row r="26" spans="1:4" ht="35.25" customHeight="1" x14ac:dyDescent="0.45">
      <c r="A26" s="126"/>
      <c r="B26" s="127"/>
      <c r="C26" s="127"/>
      <c r="D26" s="127"/>
    </row>
    <row r="27" spans="1:4" ht="35.25" customHeight="1" x14ac:dyDescent="0.45">
      <c r="A27" s="126"/>
      <c r="B27" s="127"/>
      <c r="C27" s="127"/>
      <c r="D27" s="127"/>
    </row>
    <row r="28" spans="1:4" ht="35.25" customHeight="1" x14ac:dyDescent="0.45">
      <c r="A28" s="126"/>
      <c r="B28" s="127"/>
      <c r="C28" s="127"/>
      <c r="D28" s="127"/>
    </row>
    <row r="29" spans="1:4" ht="35.25" customHeight="1" x14ac:dyDescent="0.45">
      <c r="A29" s="126"/>
      <c r="B29" s="127"/>
      <c r="C29" s="127"/>
      <c r="D29" s="127"/>
    </row>
    <row r="30" spans="1:4" ht="35.25" customHeight="1" x14ac:dyDescent="0.45">
      <c r="A30" s="126"/>
      <c r="B30" s="127"/>
      <c r="C30" s="127"/>
      <c r="D30" s="127"/>
    </row>
    <row r="31" spans="1:4" ht="35.25" customHeight="1" x14ac:dyDescent="0.45">
      <c r="A31" s="126"/>
      <c r="B31" s="127"/>
      <c r="C31" s="127"/>
      <c r="D31" s="127"/>
    </row>
    <row r="32" spans="1:4" ht="35.25" customHeight="1" x14ac:dyDescent="0.45">
      <c r="A32" s="126"/>
      <c r="B32" s="127"/>
      <c r="C32" s="127"/>
      <c r="D32" s="127"/>
    </row>
    <row r="33" spans="1:4" ht="35.25" customHeight="1" x14ac:dyDescent="0.45">
      <c r="A33" s="126"/>
      <c r="B33" s="127"/>
      <c r="C33" s="127"/>
      <c r="D33" s="127"/>
    </row>
    <row r="34" spans="1:4" ht="35.25" customHeight="1" x14ac:dyDescent="0.45">
      <c r="A34" s="126"/>
      <c r="B34" s="127"/>
      <c r="C34" s="127"/>
      <c r="D34" s="127"/>
    </row>
    <row r="35" spans="1:4" ht="35.25" customHeight="1" x14ac:dyDescent="0.45">
      <c r="A35" s="126"/>
      <c r="B35" s="127"/>
      <c r="C35" s="127"/>
      <c r="D35" s="127"/>
    </row>
    <row r="36" spans="1:4" ht="35.25" customHeight="1" x14ac:dyDescent="0.45">
      <c r="A36" s="126"/>
      <c r="B36" s="127"/>
      <c r="C36" s="127"/>
      <c r="D36" s="127"/>
    </row>
    <row r="37" spans="1:4" ht="35.25" customHeight="1" x14ac:dyDescent="0.45">
      <c r="A37" s="126"/>
      <c r="B37" s="127"/>
      <c r="C37" s="127"/>
      <c r="D37" s="127"/>
    </row>
    <row r="38" spans="1:4" ht="35.25" customHeight="1" x14ac:dyDescent="0.45">
      <c r="A38" s="126"/>
      <c r="B38" s="127"/>
      <c r="C38" s="127"/>
      <c r="D38" s="127"/>
    </row>
    <row r="39" spans="1:4" ht="35.25" customHeight="1" x14ac:dyDescent="0.45">
      <c r="A39" s="126"/>
      <c r="B39" s="127"/>
      <c r="C39" s="127"/>
      <c r="D39" s="127"/>
    </row>
    <row r="40" spans="1:4" ht="21" x14ac:dyDescent="0.45">
      <c r="A40" s="126"/>
      <c r="B40" s="127"/>
      <c r="C40" s="127"/>
      <c r="D40" s="127"/>
    </row>
    <row r="41" spans="1:4" ht="23.4" x14ac:dyDescent="0.45">
      <c r="A41" s="132"/>
      <c r="B41" s="133"/>
      <c r="C41" s="133"/>
      <c r="D41" s="133"/>
    </row>
    <row r="42" spans="1:4" ht="23.4" x14ac:dyDescent="0.45">
      <c r="A42" s="132"/>
      <c r="B42" s="133"/>
      <c r="C42" s="133"/>
      <c r="D42" s="133"/>
    </row>
    <row r="43" spans="1:4" ht="23.4" x14ac:dyDescent="0.45">
      <c r="A43" s="132"/>
      <c r="B43" s="133"/>
      <c r="C43" s="133"/>
      <c r="D43" s="133"/>
    </row>
    <row r="44" spans="1:4" ht="23.4" x14ac:dyDescent="0.45">
      <c r="A44" s="132"/>
      <c r="B44" s="133"/>
      <c r="C44" s="133"/>
      <c r="D44" s="133"/>
    </row>
    <row r="45" spans="1:4" ht="23.4" x14ac:dyDescent="0.45">
      <c r="A45" s="132"/>
      <c r="B45" s="133"/>
      <c r="C45" s="133"/>
      <c r="D45" s="133"/>
    </row>
    <row r="46" spans="1:4" ht="23.4" x14ac:dyDescent="0.45">
      <c r="A46" s="132"/>
      <c r="B46" s="133"/>
      <c r="C46" s="133"/>
      <c r="D46" s="133"/>
    </row>
    <row r="47" spans="1:4" ht="23.4" x14ac:dyDescent="0.45">
      <c r="A47" s="132"/>
      <c r="B47" s="133"/>
      <c r="C47" s="133"/>
      <c r="D47" s="133"/>
    </row>
    <row r="48" spans="1:4" ht="23.4" x14ac:dyDescent="0.45">
      <c r="A48" s="132"/>
      <c r="B48" s="133"/>
      <c r="C48" s="133"/>
      <c r="D48" s="133"/>
    </row>
    <row r="49" spans="1:4" ht="23.4" x14ac:dyDescent="0.45">
      <c r="A49" s="132"/>
      <c r="B49" s="133"/>
      <c r="C49" s="133"/>
      <c r="D49" s="133"/>
    </row>
    <row r="50" spans="1:4" ht="23.4" x14ac:dyDescent="0.45">
      <c r="A50" s="132"/>
      <c r="B50" s="133"/>
      <c r="C50" s="133"/>
      <c r="D50" s="133"/>
    </row>
    <row r="51" spans="1:4" ht="23.4" x14ac:dyDescent="0.45">
      <c r="A51" s="132"/>
      <c r="B51" s="133"/>
      <c r="C51" s="133"/>
      <c r="D51" s="133"/>
    </row>
    <row r="52" spans="1:4" ht="23.4" x14ac:dyDescent="0.45">
      <c r="A52" s="132"/>
      <c r="B52" s="133"/>
      <c r="C52" s="133"/>
      <c r="D52" s="133"/>
    </row>
    <row r="53" spans="1:4" ht="23.4" x14ac:dyDescent="0.45">
      <c r="A53" s="132"/>
      <c r="B53" s="133"/>
      <c r="C53" s="133"/>
      <c r="D53" s="133"/>
    </row>
    <row r="54" spans="1:4" ht="23.4" x14ac:dyDescent="0.45">
      <c r="A54" s="132"/>
      <c r="B54" s="133"/>
      <c r="C54" s="133"/>
      <c r="D54" s="133"/>
    </row>
    <row r="55" spans="1:4" ht="23.4" x14ac:dyDescent="0.45">
      <c r="A55" s="132"/>
      <c r="B55" s="133"/>
      <c r="C55" s="133"/>
      <c r="D55" s="133"/>
    </row>
    <row r="56" spans="1:4" ht="23.4" x14ac:dyDescent="0.45">
      <c r="A56" s="132"/>
      <c r="B56" s="133"/>
      <c r="C56" s="133"/>
      <c r="D56" s="133"/>
    </row>
    <row r="57" spans="1:4" ht="23.4" x14ac:dyDescent="0.45">
      <c r="A57" s="132"/>
      <c r="B57" s="133"/>
      <c r="C57" s="133"/>
      <c r="D57" s="133"/>
    </row>
    <row r="58" spans="1:4" ht="23.4" x14ac:dyDescent="0.45">
      <c r="A58" s="132"/>
      <c r="B58" s="133"/>
      <c r="C58" s="133"/>
      <c r="D58" s="133"/>
    </row>
    <row r="59" spans="1:4" ht="23.4" x14ac:dyDescent="0.45">
      <c r="A59" s="132"/>
      <c r="B59" s="133"/>
      <c r="C59" s="133"/>
      <c r="D59" s="133"/>
    </row>
    <row r="60" spans="1:4" ht="23.4" x14ac:dyDescent="0.45">
      <c r="A60" s="132"/>
      <c r="B60" s="133"/>
      <c r="C60" s="133"/>
      <c r="D60" s="133"/>
    </row>
    <row r="61" spans="1:4" ht="23.4" x14ac:dyDescent="0.45">
      <c r="A61" s="132"/>
      <c r="B61" s="133"/>
      <c r="C61" s="133"/>
      <c r="D61" s="133"/>
    </row>
    <row r="62" spans="1:4" ht="23.4" x14ac:dyDescent="0.45">
      <c r="A62" s="132"/>
      <c r="B62" s="133"/>
      <c r="C62" s="133"/>
      <c r="D62" s="133"/>
    </row>
    <row r="63" spans="1:4" ht="23.4" x14ac:dyDescent="0.45">
      <c r="A63" s="132"/>
      <c r="B63" s="133"/>
      <c r="C63" s="133"/>
      <c r="D63" s="133"/>
    </row>
    <row r="64" spans="1:4" ht="23.4" x14ac:dyDescent="0.45">
      <c r="A64" s="132"/>
      <c r="B64" s="133"/>
      <c r="C64" s="133"/>
      <c r="D64" s="133"/>
    </row>
    <row r="65" spans="1:4" ht="23.4" x14ac:dyDescent="0.45">
      <c r="A65" s="132"/>
      <c r="B65" s="133"/>
      <c r="C65" s="133"/>
      <c r="D65" s="133"/>
    </row>
    <row r="66" spans="1:4" ht="23.4" x14ac:dyDescent="0.45">
      <c r="A66" s="132"/>
      <c r="B66" s="133"/>
      <c r="C66" s="133"/>
      <c r="D66" s="133"/>
    </row>
    <row r="67" spans="1:4" ht="23.4" x14ac:dyDescent="0.45">
      <c r="A67" s="132"/>
      <c r="B67" s="133"/>
      <c r="C67" s="133"/>
      <c r="D67" s="133"/>
    </row>
    <row r="68" spans="1:4" ht="23.4" x14ac:dyDescent="0.45">
      <c r="A68" s="132"/>
      <c r="B68" s="133"/>
      <c r="C68" s="133"/>
      <c r="D68" s="133"/>
    </row>
    <row r="69" spans="1:4" ht="23.4" x14ac:dyDescent="0.45">
      <c r="A69" s="132"/>
      <c r="B69" s="133"/>
      <c r="C69" s="133"/>
      <c r="D69" s="133"/>
    </row>
    <row r="70" spans="1:4" ht="23.4" x14ac:dyDescent="0.45">
      <c r="A70" s="132"/>
      <c r="B70" s="133"/>
      <c r="C70" s="133"/>
      <c r="D70" s="133"/>
    </row>
    <row r="71" spans="1:4" ht="23.4" x14ac:dyDescent="0.45">
      <c r="A71" s="132"/>
      <c r="B71" s="133"/>
      <c r="C71" s="133"/>
      <c r="D71" s="133"/>
    </row>
    <row r="72" spans="1:4" ht="23.4" x14ac:dyDescent="0.45">
      <c r="A72" s="132"/>
      <c r="B72" s="133"/>
      <c r="C72" s="133"/>
      <c r="D72" s="133"/>
    </row>
    <row r="73" spans="1:4" ht="23.4" x14ac:dyDescent="0.45">
      <c r="A73" s="132"/>
      <c r="B73" s="133"/>
      <c r="C73" s="133"/>
      <c r="D73" s="133"/>
    </row>
    <row r="74" spans="1:4" ht="23.4" x14ac:dyDescent="0.45">
      <c r="A74" s="132"/>
      <c r="B74" s="133"/>
      <c r="C74" s="133"/>
      <c r="D74" s="133"/>
    </row>
    <row r="75" spans="1:4" ht="23.4" x14ac:dyDescent="0.45">
      <c r="A75" s="132"/>
      <c r="B75" s="133"/>
      <c r="C75" s="133"/>
      <c r="D75" s="133"/>
    </row>
  </sheetData>
  <mergeCells count="7">
    <mergeCell ref="C12:D12"/>
    <mergeCell ref="A4:D4"/>
    <mergeCell ref="C7:D7"/>
    <mergeCell ref="C8:D8"/>
    <mergeCell ref="C9:D9"/>
    <mergeCell ref="C10:D10"/>
    <mergeCell ref="C11:D11"/>
  </mergeCells>
  <phoneticPr fontId="7"/>
  <pageMargins left="0.7" right="0.7" top="0.75" bottom="0.75" header="0.3" footer="0.3"/>
  <pageSetup paperSize="9" scale="47" orientation="portrait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sheetPr codeName="Sheet23"/>
  <dimension ref="B1:N19"/>
  <sheetViews>
    <sheetView showGridLines="0" view="pageBreakPreview" zoomScale="60" zoomScaleNormal="55" workbookViewId="0">
      <selection activeCell="N19" sqref="N19"/>
    </sheetView>
  </sheetViews>
  <sheetFormatPr defaultColWidth="8.8984375" defaultRowHeight="19.2" x14ac:dyDescent="0.45"/>
  <cols>
    <col min="1" max="1" width="2.59765625" style="95" customWidth="1"/>
    <col min="2" max="3" width="3.5" style="95" customWidth="1"/>
    <col min="4" max="4" width="6.5" style="95" customWidth="1"/>
    <col min="5" max="7" width="3.5" style="95" customWidth="1"/>
    <col min="8" max="8" width="21.69921875" style="95" customWidth="1"/>
    <col min="9" max="14" width="31.09765625" style="95" customWidth="1"/>
    <col min="15" max="15" width="2.59765625" style="95" customWidth="1"/>
    <col min="16" max="16384" width="8.8984375" style="95"/>
  </cols>
  <sheetData>
    <row r="1" spans="2:14" s="82" customFormat="1" ht="22.5" customHeight="1" x14ac:dyDescent="0.45">
      <c r="B1" s="2" t="s">
        <v>12</v>
      </c>
    </row>
    <row r="2" spans="2:14" s="82" customFormat="1" ht="22.5" customHeight="1" x14ac:dyDescent="0.45">
      <c r="B2" s="2" t="s">
        <v>74</v>
      </c>
    </row>
    <row r="3" spans="2:14" s="82" customFormat="1" ht="22.5" customHeight="1" x14ac:dyDescent="0.45">
      <c r="B3" s="2"/>
    </row>
    <row r="5" spans="2:14" x14ac:dyDescent="0.45">
      <c r="B5" s="177" t="s">
        <v>58</v>
      </c>
      <c r="C5" s="178"/>
      <c r="D5" s="178"/>
      <c r="E5" s="178"/>
      <c r="F5" s="178"/>
      <c r="G5" s="178"/>
      <c r="H5" s="178"/>
      <c r="I5" s="178"/>
      <c r="J5" s="178"/>
      <c r="K5" s="178"/>
      <c r="L5" s="178"/>
      <c r="M5" s="178"/>
      <c r="N5" s="178"/>
    </row>
    <row r="6" spans="2:14" x14ac:dyDescent="0.45">
      <c r="B6" s="178"/>
      <c r="C6" s="178"/>
      <c r="D6" s="178"/>
      <c r="E6" s="178"/>
      <c r="F6" s="178"/>
      <c r="G6" s="178"/>
      <c r="H6" s="178"/>
      <c r="I6" s="178"/>
      <c r="J6" s="178"/>
      <c r="K6" s="178"/>
      <c r="L6" s="178"/>
      <c r="M6" s="178"/>
      <c r="N6" s="178"/>
    </row>
    <row r="7" spans="2:14" x14ac:dyDescent="0.45">
      <c r="B7" s="179"/>
      <c r="C7" s="179"/>
      <c r="D7" s="179"/>
      <c r="F7" s="96"/>
      <c r="N7" s="97" t="s">
        <v>2</v>
      </c>
    </row>
    <row r="8" spans="2:14" ht="20.100000000000001" customHeight="1" x14ac:dyDescent="0.45">
      <c r="B8" s="180" t="s">
        <v>13</v>
      </c>
      <c r="C8" s="181"/>
      <c r="D8" s="181"/>
      <c r="E8" s="181"/>
      <c r="F8" s="181"/>
      <c r="G8" s="181"/>
      <c r="H8" s="182"/>
      <c r="I8" s="186" t="s">
        <v>23</v>
      </c>
      <c r="J8" s="186" t="s">
        <v>24</v>
      </c>
      <c r="K8" s="188" t="s">
        <v>25</v>
      </c>
      <c r="L8" s="189"/>
      <c r="M8" s="190"/>
      <c r="N8" s="191" t="s">
        <v>59</v>
      </c>
    </row>
    <row r="9" spans="2:14" ht="20.100000000000001" customHeight="1" x14ac:dyDescent="0.45">
      <c r="B9" s="183"/>
      <c r="C9" s="184"/>
      <c r="D9" s="184"/>
      <c r="E9" s="184"/>
      <c r="F9" s="184"/>
      <c r="G9" s="184"/>
      <c r="H9" s="185"/>
      <c r="I9" s="187"/>
      <c r="J9" s="187"/>
      <c r="K9" s="98" t="s">
        <v>60</v>
      </c>
      <c r="L9" s="98" t="s">
        <v>61</v>
      </c>
      <c r="M9" s="98" t="s">
        <v>62</v>
      </c>
      <c r="N9" s="192"/>
    </row>
    <row r="10" spans="2:14" ht="31.65" customHeight="1" x14ac:dyDescent="0.45">
      <c r="B10" s="193" t="s">
        <v>63</v>
      </c>
      <c r="C10" s="193"/>
      <c r="D10" s="193"/>
      <c r="E10" s="193"/>
      <c r="F10" s="193"/>
      <c r="G10" s="193"/>
      <c r="H10" s="193"/>
      <c r="I10" s="99">
        <v>0</v>
      </c>
      <c r="J10" s="99">
        <v>0</v>
      </c>
      <c r="K10" s="99">
        <v>0</v>
      </c>
      <c r="L10" s="99">
        <v>0</v>
      </c>
      <c r="M10" s="99">
        <v>0</v>
      </c>
      <c r="N10" s="99">
        <v>0</v>
      </c>
    </row>
    <row r="11" spans="2:14" ht="31.65" customHeight="1" x14ac:dyDescent="0.45">
      <c r="B11" s="193" t="s">
        <v>64</v>
      </c>
      <c r="C11" s="193"/>
      <c r="D11" s="193"/>
      <c r="E11" s="193"/>
      <c r="F11" s="193"/>
      <c r="G11" s="193"/>
      <c r="H11" s="193"/>
      <c r="I11" s="99">
        <v>0</v>
      </c>
      <c r="J11" s="99">
        <v>0</v>
      </c>
      <c r="K11" s="99">
        <v>0</v>
      </c>
      <c r="L11" s="99">
        <v>0</v>
      </c>
      <c r="M11" s="99">
        <v>0</v>
      </c>
      <c r="N11" s="99">
        <v>0</v>
      </c>
    </row>
    <row r="12" spans="2:14" ht="31.65" customHeight="1" x14ac:dyDescent="0.45">
      <c r="B12" s="193" t="s">
        <v>65</v>
      </c>
      <c r="C12" s="193"/>
      <c r="D12" s="193"/>
      <c r="E12" s="193"/>
      <c r="F12" s="193"/>
      <c r="G12" s="193"/>
      <c r="H12" s="193"/>
      <c r="I12" s="99">
        <v>0</v>
      </c>
      <c r="J12" s="99">
        <v>0</v>
      </c>
      <c r="K12" s="99">
        <v>0</v>
      </c>
      <c r="L12" s="99">
        <v>0</v>
      </c>
      <c r="M12" s="99">
        <v>0</v>
      </c>
      <c r="N12" s="99">
        <v>0</v>
      </c>
    </row>
    <row r="13" spans="2:14" ht="31.65" customHeight="1" x14ac:dyDescent="0.45">
      <c r="B13" s="193" t="s">
        <v>66</v>
      </c>
      <c r="C13" s="193"/>
      <c r="D13" s="193"/>
      <c r="E13" s="193"/>
      <c r="F13" s="193"/>
      <c r="G13" s="193"/>
      <c r="H13" s="193"/>
      <c r="I13" s="99">
        <v>0</v>
      </c>
      <c r="J13" s="99">
        <v>0</v>
      </c>
      <c r="K13" s="99">
        <v>0</v>
      </c>
      <c r="L13" s="99">
        <v>0</v>
      </c>
      <c r="M13" s="99">
        <v>0</v>
      </c>
      <c r="N13" s="99">
        <v>0</v>
      </c>
    </row>
    <row r="14" spans="2:14" ht="31.65" customHeight="1" x14ac:dyDescent="0.45">
      <c r="B14" s="193" t="s">
        <v>67</v>
      </c>
      <c r="C14" s="193"/>
      <c r="D14" s="193"/>
      <c r="E14" s="193"/>
      <c r="F14" s="193"/>
      <c r="G14" s="193"/>
      <c r="H14" s="193"/>
      <c r="I14" s="99">
        <v>0</v>
      </c>
      <c r="J14" s="99">
        <v>0</v>
      </c>
      <c r="K14" s="99">
        <v>0</v>
      </c>
      <c r="L14" s="99">
        <v>0</v>
      </c>
      <c r="M14" s="99">
        <v>0</v>
      </c>
      <c r="N14" s="99">
        <v>0</v>
      </c>
    </row>
    <row r="15" spans="2:14" ht="31.65" customHeight="1" x14ac:dyDescent="0.45">
      <c r="B15" s="193" t="s">
        <v>68</v>
      </c>
      <c r="C15" s="193"/>
      <c r="D15" s="193"/>
      <c r="E15" s="193"/>
      <c r="F15" s="193"/>
      <c r="G15" s="193"/>
      <c r="H15" s="193"/>
      <c r="I15" s="99">
        <v>0</v>
      </c>
      <c r="J15" s="99">
        <v>0</v>
      </c>
      <c r="K15" s="99">
        <v>0</v>
      </c>
      <c r="L15" s="99">
        <v>0</v>
      </c>
      <c r="M15" s="99">
        <v>0</v>
      </c>
      <c r="N15" s="99">
        <v>0</v>
      </c>
    </row>
    <row r="16" spans="2:14" ht="31.65" customHeight="1" x14ac:dyDescent="0.45">
      <c r="B16" s="193" t="s">
        <v>69</v>
      </c>
      <c r="C16" s="193"/>
      <c r="D16" s="193"/>
      <c r="E16" s="193"/>
      <c r="F16" s="193"/>
      <c r="G16" s="193"/>
      <c r="H16" s="193"/>
      <c r="I16" s="99">
        <v>22230860</v>
      </c>
      <c r="J16" s="99">
        <v>22950926</v>
      </c>
      <c r="K16" s="99">
        <v>0</v>
      </c>
      <c r="L16" s="99">
        <v>22230860</v>
      </c>
      <c r="M16" s="99">
        <v>22230860</v>
      </c>
      <c r="N16" s="99">
        <v>22950926</v>
      </c>
    </row>
    <row r="17" spans="2:14" ht="31.65" customHeight="1" x14ac:dyDescent="0.45">
      <c r="B17" s="193" t="s">
        <v>70</v>
      </c>
      <c r="C17" s="193"/>
      <c r="D17" s="193"/>
      <c r="E17" s="193"/>
      <c r="F17" s="193"/>
      <c r="G17" s="193"/>
      <c r="H17" s="193"/>
      <c r="I17" s="99">
        <v>192268575</v>
      </c>
      <c r="J17" s="99">
        <v>6332951</v>
      </c>
      <c r="K17" s="99">
        <v>0</v>
      </c>
      <c r="L17" s="99">
        <v>3055032</v>
      </c>
      <c r="M17" s="99">
        <v>3055032</v>
      </c>
      <c r="N17" s="99">
        <v>195546494</v>
      </c>
    </row>
    <row r="18" spans="2:14" ht="31.65" customHeight="1" x14ac:dyDescent="0.45">
      <c r="B18" s="193" t="s">
        <v>71</v>
      </c>
      <c r="C18" s="193"/>
      <c r="D18" s="193"/>
      <c r="E18" s="193"/>
      <c r="F18" s="193"/>
      <c r="G18" s="193"/>
      <c r="H18" s="193"/>
      <c r="I18" s="99">
        <v>0</v>
      </c>
      <c r="J18" s="99">
        <v>0</v>
      </c>
      <c r="K18" s="99">
        <v>0</v>
      </c>
      <c r="L18" s="99">
        <v>0</v>
      </c>
      <c r="M18" s="99">
        <v>0</v>
      </c>
      <c r="N18" s="99">
        <v>0</v>
      </c>
    </row>
    <row r="19" spans="2:14" ht="31.65" customHeight="1" x14ac:dyDescent="0.45">
      <c r="B19" s="194" t="s">
        <v>72</v>
      </c>
      <c r="C19" s="194"/>
      <c r="D19" s="194"/>
      <c r="E19" s="194"/>
      <c r="F19" s="194"/>
      <c r="G19" s="194"/>
      <c r="H19" s="194"/>
      <c r="I19" s="99">
        <v>214499435</v>
      </c>
      <c r="J19" s="99">
        <v>29283877</v>
      </c>
      <c r="K19" s="99">
        <v>0</v>
      </c>
      <c r="L19" s="99">
        <v>25285892</v>
      </c>
      <c r="M19" s="99">
        <v>25285892</v>
      </c>
      <c r="N19" s="99">
        <v>218497420</v>
      </c>
    </row>
  </sheetData>
  <mergeCells count="17">
    <mergeCell ref="B16:H16"/>
    <mergeCell ref="B17:H17"/>
    <mergeCell ref="B18:H18"/>
    <mergeCell ref="B19:H19"/>
    <mergeCell ref="B10:H10"/>
    <mergeCell ref="B11:H11"/>
    <mergeCell ref="B12:H12"/>
    <mergeCell ref="B13:H13"/>
    <mergeCell ref="B14:H14"/>
    <mergeCell ref="B15:H15"/>
    <mergeCell ref="B5:N6"/>
    <mergeCell ref="B7:D7"/>
    <mergeCell ref="B8:H9"/>
    <mergeCell ref="I8:I9"/>
    <mergeCell ref="J8:J9"/>
    <mergeCell ref="K8:M8"/>
    <mergeCell ref="N8:N9"/>
  </mergeCells>
  <phoneticPr fontId="1"/>
  <printOptions horizontalCentered="1"/>
  <pageMargins left="0.39370078740157483" right="0.15748031496062992" top="0.55118110236220474" bottom="0.43307086614173229" header="0.70866141732283472" footer="0.31496062992125984"/>
  <pageSetup paperSize="9" scale="55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7</vt:i4>
      </vt:variant>
      <vt:variant>
        <vt:lpstr>名前付き一覧</vt:lpstr>
      </vt:variant>
      <vt:variant>
        <vt:i4>7</vt:i4>
      </vt:variant>
    </vt:vector>
  </HeadingPairs>
  <TitlesOfParts>
    <vt:vector size="14" baseType="lpstr">
      <vt:lpstr>貸借対照表</vt:lpstr>
      <vt:lpstr>行政コスト計算書</vt:lpstr>
      <vt:lpstr>純資産変動計算書</vt:lpstr>
      <vt:lpstr>キャッシュフロー計算書</vt:lpstr>
      <vt:lpstr>有形固定資産等明細表</vt:lpstr>
      <vt:lpstr>注記</vt:lpstr>
      <vt:lpstr>引当金明細表</vt:lpstr>
      <vt:lpstr>キャッシュフロー計算書!Print_Area</vt:lpstr>
      <vt:lpstr>引当金明細表!Print_Area</vt:lpstr>
      <vt:lpstr>行政コスト計算書!Print_Area</vt:lpstr>
      <vt:lpstr>純資産変動計算書!Print_Area</vt:lpstr>
      <vt:lpstr>貸借対照表!Print_Area</vt:lpstr>
      <vt:lpstr>注記!Print_Area</vt:lpstr>
      <vt:lpstr>有形固定資産等明細表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5-10-21T01:59:57Z</dcterms:created>
  <dcterms:modified xsi:type="dcterms:W3CDTF">2025-10-21T02:00:28Z</dcterms:modified>
</cp:coreProperties>
</file>